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令和８年度フォルダ\1衛生指導係\4 庶務\オープンデータ\R7\R8.3公開\"/>
    </mc:Choice>
  </mc:AlternateContent>
  <xr:revisionPtr revIDLastSave="0" documentId="13_ncr:1_{CA13FA5F-38DF-4A9B-A669-7A19B40839AB}" xr6:coauthVersionLast="47" xr6:coauthVersionMax="47" xr10:uidLastSave="{00000000-0000-0000-0000-000000000000}"/>
  <bookViews>
    <workbookView xWindow="8235" yWindow="-16320" windowWidth="29040" windowHeight="15720" xr2:uid="{00000000-000D-0000-FFFF-FFFF00000000}"/>
  </bookViews>
  <sheets>
    <sheet name="理容所" sheetId="1" r:id="rId1"/>
  </sheets>
  <definedNames>
    <definedName name="_xlnm._FilterDatabase" localSheetId="0" hidden="1">理容所!$A$1:$G$373</definedName>
    <definedName name="クリーニング台帳一覧">#REF!</definedName>
    <definedName name="理容所台帳一覧">理容所!$A$1:$G$35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1" uniqueCount="987">
  <si>
    <t>0374</t>
  </si>
  <si>
    <t>0201</t>
  </si>
  <si>
    <t>富山市桜町２－２－７</t>
  </si>
  <si>
    <t>0358</t>
  </si>
  <si>
    <t>富山市新富町１－３－２１　児玉ビル３Ｆ</t>
  </si>
  <si>
    <t>吉村理容院</t>
  </si>
  <si>
    <t>富山市向新庄町１－５－１３</t>
  </si>
  <si>
    <t>理容高長</t>
  </si>
  <si>
    <t>富山市下大久保１４６７－４</t>
  </si>
  <si>
    <t>駒見理容院</t>
  </si>
  <si>
    <t>富山市上大久保１区２００７</t>
  </si>
  <si>
    <t>富山市横内５８３－２</t>
  </si>
  <si>
    <t>富山市笹津４区４１３－４</t>
  </si>
  <si>
    <t>理容ヤマシタ</t>
  </si>
  <si>
    <t>富山市大泉町３－４－１２</t>
  </si>
  <si>
    <t>富山市千代田町８－２２</t>
  </si>
  <si>
    <t>ヘアー　サロン　パワフル</t>
  </si>
  <si>
    <t>0235</t>
  </si>
  <si>
    <t>ゆとり空間　理容にしの</t>
  </si>
  <si>
    <t>0071</t>
  </si>
  <si>
    <t>ＳＷｉＴＣＨ</t>
  </si>
  <si>
    <t>（有）理容　サイトウ</t>
  </si>
  <si>
    <t>富山市水橋池田舘７６４－５８</t>
  </si>
  <si>
    <t>ヘアーファクトリー　レストア</t>
  </si>
  <si>
    <t>富山市山室９９－２</t>
  </si>
  <si>
    <t>黒滝理容所</t>
  </si>
  <si>
    <t>理容ＴＯＰⅡ</t>
  </si>
  <si>
    <t>富山市荒川２－１６－５</t>
  </si>
  <si>
    <t>富山市下飯野３９－１</t>
  </si>
  <si>
    <t>ヘアーサロン　たかむら</t>
  </si>
  <si>
    <t>ベーシック</t>
  </si>
  <si>
    <t>富山市掛尾町６１６</t>
  </si>
  <si>
    <t>0018</t>
  </si>
  <si>
    <t>富山市田刈屋３６－１</t>
  </si>
  <si>
    <t>富山市山室１５５</t>
  </si>
  <si>
    <t>富山市鍋田２４－６８</t>
  </si>
  <si>
    <t>0065</t>
  </si>
  <si>
    <t>ヘアーサロンかわた</t>
  </si>
  <si>
    <t>カットパーマ　エアポートナカノ</t>
  </si>
  <si>
    <t>ヘアーハウス　タカノ</t>
  </si>
  <si>
    <t>富山市東富山寿町３－１９－２</t>
  </si>
  <si>
    <t>富山市米田町２－４－５</t>
  </si>
  <si>
    <t>0041</t>
  </si>
  <si>
    <t>富山市大町一区西部２４１－７</t>
  </si>
  <si>
    <t>理容むらい</t>
  </si>
  <si>
    <t>石金理容院</t>
  </si>
  <si>
    <t>富山市辰巳町２－６－８</t>
  </si>
  <si>
    <t>富山市奥田町２１ー１６</t>
  </si>
  <si>
    <t>ヘアーサロンホリタ</t>
  </si>
  <si>
    <t>富山市黒瀬４１２－１</t>
  </si>
  <si>
    <t>吉田理容院</t>
  </si>
  <si>
    <t>0259</t>
  </si>
  <si>
    <t>0125</t>
  </si>
  <si>
    <t>金垣理容店</t>
  </si>
  <si>
    <t>バーバー堀</t>
  </si>
  <si>
    <t>とこやとぱあまやの店　やまざき</t>
  </si>
  <si>
    <t>富山市蓮町４－５－３７</t>
  </si>
  <si>
    <t>富山市西長江２－８－４１</t>
  </si>
  <si>
    <t>カットハウス　なかやま　</t>
  </si>
  <si>
    <t>富山市上千俵町２８４－３</t>
  </si>
  <si>
    <t>富山市蓮町２－４－３４</t>
  </si>
  <si>
    <t>富山市上大久保３２８－１９</t>
  </si>
  <si>
    <t>富山市秋ケ島１４６ー１</t>
  </si>
  <si>
    <t>富山市長江東町２－１－２</t>
  </si>
  <si>
    <t>メンズサロンしみず</t>
  </si>
  <si>
    <t>富山市上堀５４－６</t>
  </si>
  <si>
    <t>ＢＡＲ　ＢＥＲ　ＳＨＯＰ　Ｃｌｉｐ</t>
  </si>
  <si>
    <t>富山市水橋小路４９</t>
  </si>
  <si>
    <t>富山市小見５５７</t>
  </si>
  <si>
    <t>メンズサロンタケザワ</t>
  </si>
  <si>
    <t>富山市婦中町下坂倉８２－７</t>
  </si>
  <si>
    <t>富山市西中野本町８－１８</t>
  </si>
  <si>
    <t>1197</t>
  </si>
  <si>
    <t>ｈａｉｒ　ｗｏｒｋｓ　Ｔａｍｂｕｒｅｌｌｏ</t>
  </si>
  <si>
    <t>富山市八尾町水谷２０７－７</t>
  </si>
  <si>
    <t>富山市町村２－１０５</t>
  </si>
  <si>
    <t>富山市上滝１５３</t>
  </si>
  <si>
    <t>ニレ</t>
  </si>
  <si>
    <t>富山市五福１０区４４７９－３</t>
  </si>
  <si>
    <t>0427</t>
  </si>
  <si>
    <t>富山市羽根２区４８－２</t>
  </si>
  <si>
    <t>富山市問屋町１－３－１８</t>
  </si>
  <si>
    <t>富山市豊若町３－１１－７</t>
  </si>
  <si>
    <t>富山市桜町１－４－２０</t>
  </si>
  <si>
    <t>富山市総曲輪２－５－１６</t>
  </si>
  <si>
    <t>双葉理髪店</t>
  </si>
  <si>
    <t>富山市長柄町３３－２０</t>
  </si>
  <si>
    <t>ヘアーサロン　クラウン</t>
  </si>
  <si>
    <t>ユキ　ヘアーサロン</t>
  </si>
  <si>
    <t>富山市中滝２４２－１</t>
  </si>
  <si>
    <t>0191</t>
  </si>
  <si>
    <t>富山市五福６区１９２２－４　</t>
  </si>
  <si>
    <t>ヘアーサロンワイド</t>
  </si>
  <si>
    <t>富山市開３７３</t>
  </si>
  <si>
    <t>カットルーム　スギモリ</t>
  </si>
  <si>
    <t>富山市赤田９６１－２</t>
  </si>
  <si>
    <t>富山市中島３－５－２</t>
  </si>
  <si>
    <t>富山市中老田７０７－２</t>
  </si>
  <si>
    <t>富山市若竹町２－１２３</t>
  </si>
  <si>
    <t>0149</t>
  </si>
  <si>
    <t>富山市草島２３４</t>
  </si>
  <si>
    <t>3970</t>
  </si>
  <si>
    <t>0057</t>
  </si>
  <si>
    <t>富山市大泉町１ー７ー１３</t>
  </si>
  <si>
    <t>ｂａｒｂｅｒ　ＢｅｅＮｓ</t>
  </si>
  <si>
    <t>ヘアーサロン　トライ</t>
  </si>
  <si>
    <t>0368</t>
  </si>
  <si>
    <t>ＢＡＲＢＥＲサロンよしざき</t>
  </si>
  <si>
    <t>宮口理容院</t>
  </si>
  <si>
    <t>ヘアーサロン　清水</t>
  </si>
  <si>
    <t>ｃｏｎｆｒｏｎｔ</t>
  </si>
  <si>
    <t>0086</t>
  </si>
  <si>
    <t>ｃｒｅｗ　クルー</t>
  </si>
  <si>
    <t>１ｔｏ１（いとい）</t>
  </si>
  <si>
    <t>富山市清水町５－７－１１</t>
  </si>
  <si>
    <t>富山市蓮町１－６－１７</t>
  </si>
  <si>
    <t>富山地鉄労働組合会館理容室</t>
  </si>
  <si>
    <t>0186</t>
  </si>
  <si>
    <t>0207</t>
  </si>
  <si>
    <t>富山市杉谷２６３０</t>
  </si>
  <si>
    <t>医療法人財団五省会介護老人保健施設みどり苑</t>
  </si>
  <si>
    <t>カットはうす　こばやし</t>
  </si>
  <si>
    <t>アーベン　富山店</t>
  </si>
  <si>
    <t>富山市水橋舘町３７２</t>
  </si>
  <si>
    <t>富山市磯部町３－７－１０</t>
  </si>
  <si>
    <t>富山市五福５区３４３４</t>
  </si>
  <si>
    <t>富山市吉岡２９７</t>
  </si>
  <si>
    <t>富山市藤木１６５５－６</t>
  </si>
  <si>
    <t>富山市海岸通新町２６７</t>
  </si>
  <si>
    <t>0024</t>
  </si>
  <si>
    <t>0132</t>
  </si>
  <si>
    <t>富山市西大泉１０－９</t>
  </si>
  <si>
    <t>浦畑理髪店</t>
  </si>
  <si>
    <t>0294</t>
  </si>
  <si>
    <t>富山市大泉町３－６－１７</t>
  </si>
  <si>
    <t>バーバー　のがわ</t>
  </si>
  <si>
    <t>0401</t>
  </si>
  <si>
    <t>小林理容院</t>
  </si>
  <si>
    <t>富山市町村２３０</t>
  </si>
  <si>
    <t>富山市四方神明町２１３４</t>
  </si>
  <si>
    <t>ヘアーサロンむつま</t>
  </si>
  <si>
    <t>問屋センター理容室</t>
  </si>
  <si>
    <t>富山市婦中町下轡田６４２－７</t>
  </si>
  <si>
    <t>理容　ひらもと</t>
  </si>
  <si>
    <t>富山市下新町２－１８</t>
  </si>
  <si>
    <t>Ｐｃ’ｓ　ａｔａｍａｎｏｉｅ</t>
  </si>
  <si>
    <t>富山市鹿島町１－９－３</t>
  </si>
  <si>
    <t>ヘアーサロン　ムライ</t>
  </si>
  <si>
    <t>富山市八尾町上井田４２５７－１</t>
  </si>
  <si>
    <t>富山市東中野町２ー１０ー１６</t>
  </si>
  <si>
    <t>富山市水橋高志園町８－１４</t>
  </si>
  <si>
    <t>頭の家　西田</t>
  </si>
  <si>
    <t>0216</t>
  </si>
  <si>
    <t>サロン華</t>
  </si>
  <si>
    <t>戸田理髪店</t>
  </si>
  <si>
    <t>富山市五福３区５０８２－４</t>
  </si>
  <si>
    <t>開発理容所</t>
  </si>
  <si>
    <t>0137</t>
  </si>
  <si>
    <t>富山市諏訪川原２－３－１４</t>
  </si>
  <si>
    <t>富山市二俣１８５－１</t>
  </si>
  <si>
    <t>ヘアーサロン　ヒラモト</t>
  </si>
  <si>
    <t>0282</t>
  </si>
  <si>
    <t>富山市下新本町６－５１</t>
  </si>
  <si>
    <t>富山市吉作４０－５</t>
  </si>
  <si>
    <t>理容ミナモト</t>
  </si>
  <si>
    <t>富山市山田中村１６５</t>
  </si>
  <si>
    <t>0164</t>
  </si>
  <si>
    <t>宮脇理容所</t>
  </si>
  <si>
    <t>盛永理容院</t>
  </si>
  <si>
    <t>富山市羽根９９０－１７８</t>
  </si>
  <si>
    <t>理容はぎはら</t>
  </si>
  <si>
    <t>富山市呉羽町１８７７</t>
  </si>
  <si>
    <t>富山市婦中町中名４６２</t>
  </si>
  <si>
    <t>0145</t>
  </si>
  <si>
    <t>理容室　ミヤタ</t>
  </si>
  <si>
    <t>理容ふるさと</t>
  </si>
  <si>
    <t>富山市八尾町福島１７９</t>
  </si>
  <si>
    <t>富山市宮園町１０５－１</t>
  </si>
  <si>
    <t>0089</t>
  </si>
  <si>
    <t>ＭＡＴＴＯ</t>
  </si>
  <si>
    <t>0233</t>
  </si>
  <si>
    <t>富山市呉羽町１７６７</t>
  </si>
  <si>
    <t>富山市八木山６８－１４</t>
  </si>
  <si>
    <t>富山市金代８７</t>
  </si>
  <si>
    <t>0029</t>
  </si>
  <si>
    <t>こにし</t>
  </si>
  <si>
    <t>富山市東石金町９－５５</t>
  </si>
  <si>
    <t>1400</t>
  </si>
  <si>
    <t>ＡＸＥ</t>
  </si>
  <si>
    <t>0096</t>
  </si>
  <si>
    <t>理容室　オフサイド</t>
  </si>
  <si>
    <t>富山市桜町２－２－２５</t>
  </si>
  <si>
    <t>コアフュール・まつお</t>
  </si>
  <si>
    <t>ジェームスモーリス富山相談室</t>
  </si>
  <si>
    <t>理容まえかわ</t>
  </si>
  <si>
    <t>0113</t>
  </si>
  <si>
    <t>富山市中島３－６－４２</t>
  </si>
  <si>
    <t>富山市東富山寿町３－１９－２０</t>
  </si>
  <si>
    <t>富山市婦中町長沢中坪４８７６</t>
  </si>
  <si>
    <t>ＨＡＩＲ　ＳＡＬＯＮ　ＴＳＵＪＩ</t>
  </si>
  <si>
    <t>富山市婦中町笹倉１９９－２</t>
  </si>
  <si>
    <t>理容室ビー</t>
  </si>
  <si>
    <t>0196</t>
  </si>
  <si>
    <t>富山市月見町４－４９</t>
  </si>
  <si>
    <t>吉田理容店</t>
  </si>
  <si>
    <t>富山市音羽町２－３－１２</t>
  </si>
  <si>
    <t>理容伊藤</t>
  </si>
  <si>
    <t>理容院いながき</t>
  </si>
  <si>
    <t>富山市中川原１００－１４</t>
    <rPh sb="0" eb="3">
      <t>トヤマシ</t>
    </rPh>
    <rPh sb="3" eb="6">
      <t>ナカガワラ</t>
    </rPh>
    <phoneticPr fontId="3"/>
  </si>
  <si>
    <t>理容　勝広</t>
  </si>
  <si>
    <t>ＳＡＡＢビル１Ｆ</t>
  </si>
  <si>
    <t>0058</t>
  </si>
  <si>
    <t>理容古市</t>
  </si>
  <si>
    <t>理容いずみ　</t>
  </si>
  <si>
    <t>理容小杉</t>
  </si>
  <si>
    <t>ヘアースポット１０５８</t>
  </si>
  <si>
    <t>ＡＩＭ（アイム）</t>
  </si>
  <si>
    <t>0168</t>
  </si>
  <si>
    <t>富山市田畠３０３－２</t>
  </si>
  <si>
    <t>0156</t>
  </si>
  <si>
    <t>野原の床屋</t>
  </si>
  <si>
    <t>0092</t>
  </si>
  <si>
    <t>石原理容店</t>
  </si>
  <si>
    <t>理容山本</t>
  </si>
  <si>
    <t>富山市海岸通５０</t>
  </si>
  <si>
    <t>富山市月見町２－８０</t>
  </si>
  <si>
    <t>理容おくむら</t>
  </si>
  <si>
    <t>0085</t>
  </si>
  <si>
    <t>0103</t>
  </si>
  <si>
    <t>0069</t>
  </si>
  <si>
    <t>ヘアーサロン　セブン</t>
  </si>
  <si>
    <t>富山市中田３－４８９－１</t>
  </si>
  <si>
    <t>ｍｅｎ’ｓ　ｈａｉｒ　Ｒｅ；Ｌｏｔ</t>
  </si>
  <si>
    <t>0063</t>
  </si>
  <si>
    <t>0076</t>
  </si>
  <si>
    <t>0177</t>
  </si>
  <si>
    <t>富山市上赤江町２－９－２３</t>
  </si>
  <si>
    <t>0078</t>
  </si>
  <si>
    <t>富山市荒川常盤台６－２</t>
  </si>
  <si>
    <t>0411</t>
  </si>
  <si>
    <t>富山市水橋市江４０－１</t>
  </si>
  <si>
    <t>0079</t>
  </si>
  <si>
    <t>ヘアー　サロン　中村</t>
  </si>
  <si>
    <t>ＥＭＰＡＴＨＹ　エンパシィ</t>
  </si>
  <si>
    <t>0080</t>
  </si>
  <si>
    <t>0072</t>
  </si>
  <si>
    <t>富山市婦中町下条１９９</t>
  </si>
  <si>
    <t>0081</t>
  </si>
  <si>
    <t>理容ナカタニ</t>
  </si>
  <si>
    <t>ヘアーサロン　たかやなぎ　</t>
  </si>
  <si>
    <t>富山市上滝２８４</t>
  </si>
  <si>
    <t>林理容院</t>
  </si>
  <si>
    <t>富山市本郷町１５４</t>
  </si>
  <si>
    <t>0543</t>
  </si>
  <si>
    <t>ヘアーサロンＭＵＲＡＴＡ</t>
  </si>
  <si>
    <t>前田理容院</t>
  </si>
  <si>
    <t>富山市水橋明治町９３</t>
  </si>
  <si>
    <t>0059</t>
  </si>
  <si>
    <t>理容　木村</t>
  </si>
  <si>
    <t>バーバーサン</t>
  </si>
  <si>
    <t>カッツ</t>
  </si>
  <si>
    <t>富山市布瀬町６１９</t>
  </si>
  <si>
    <t>0224</t>
  </si>
  <si>
    <t>富山市西大沢１区３１６－３</t>
  </si>
  <si>
    <t>4845</t>
  </si>
  <si>
    <t>竹部理容店</t>
  </si>
  <si>
    <t>高柳理容院</t>
  </si>
  <si>
    <t>富山市布瀬町１－７－２２</t>
  </si>
  <si>
    <t>ヘアーサロン　コージ</t>
  </si>
  <si>
    <t>富山市稲代１１－５６</t>
  </si>
  <si>
    <t>舟田理容所</t>
  </si>
  <si>
    <t>ｃｏｃｏｌａｔｏ（ココラート）</t>
  </si>
  <si>
    <t>富山市高内３区５５</t>
  </si>
  <si>
    <t>ヘアーサロン　まきしま</t>
  </si>
  <si>
    <t>瀬口理髪店</t>
  </si>
  <si>
    <t>富山市八尾町天満町３２－９</t>
  </si>
  <si>
    <t>0084</t>
  </si>
  <si>
    <t>カットハウスしげる</t>
  </si>
  <si>
    <t>0160</t>
  </si>
  <si>
    <t>富山市上大久保７７９－１</t>
  </si>
  <si>
    <t>新中理容室</t>
  </si>
  <si>
    <t>富山市堀５４－１</t>
  </si>
  <si>
    <t>0134</t>
  </si>
  <si>
    <t>バーバー山﨑</t>
  </si>
  <si>
    <t>富山市柳町１－２－２０</t>
  </si>
  <si>
    <t>山本理容院</t>
  </si>
  <si>
    <t>理容　イン　東京</t>
  </si>
  <si>
    <t>富山市月岡新檀割９４－４（月岡５－９４）</t>
  </si>
  <si>
    <t>タケヘアーサロン</t>
  </si>
  <si>
    <t>ヘアー　サロン　ＭＵＲＡＫＡＭＩ</t>
  </si>
  <si>
    <t>富山市天正寺６８</t>
  </si>
  <si>
    <t>株式会社　アポロ</t>
  </si>
  <si>
    <t>0094</t>
  </si>
  <si>
    <t>0524</t>
  </si>
  <si>
    <t>富山市婦中町友坂５８１０</t>
  </si>
  <si>
    <t>大阪府堺市東区北野田１０７７－１０５</t>
  </si>
  <si>
    <t>富山市婦中町下轡田４４５－１</t>
  </si>
  <si>
    <t>長谷川理容所</t>
  </si>
  <si>
    <t>富山市婦中町長沢４００－１</t>
  </si>
  <si>
    <t>富山市婦中町外輪野２３７８－１</t>
  </si>
  <si>
    <t>富山市山室１６６</t>
  </si>
  <si>
    <t>富山市向新庄荏原５３－７４</t>
  </si>
  <si>
    <t>理容落合橋</t>
  </si>
  <si>
    <t>富山市婦中町下吉川３８８</t>
  </si>
  <si>
    <t>松瀬理容店</t>
  </si>
  <si>
    <t>0155</t>
  </si>
  <si>
    <t>富山市新屋１５６－４</t>
  </si>
  <si>
    <t>富山市婦中町速星５９７－２</t>
  </si>
  <si>
    <t>富山市桜町１－１－３６　富山地鉄労働組合会館１Ｆ</t>
  </si>
  <si>
    <t>ヘアーサロン前田</t>
  </si>
  <si>
    <t>富山市婦中町速星６０３</t>
  </si>
  <si>
    <t>富山市婦中町速星８８２</t>
  </si>
  <si>
    <t>神田理容所</t>
  </si>
  <si>
    <t>富山市婦中町地角７５０－３２</t>
  </si>
  <si>
    <t>0039</t>
  </si>
  <si>
    <t>大阪府高槻市芥川町１－７－２６　カワノビル</t>
  </si>
  <si>
    <t>富山市有沢４７３－１</t>
  </si>
  <si>
    <t>ふじい</t>
  </si>
  <si>
    <t>富山市長江新町１－４－３</t>
  </si>
  <si>
    <t>有限会社　理容サイトウ</t>
  </si>
  <si>
    <t>0185</t>
  </si>
  <si>
    <t>富山市下奥井町１－１６－１７</t>
  </si>
  <si>
    <t>カットサロン　ワダ</t>
  </si>
  <si>
    <t>富山市ひよどり南台７</t>
  </si>
  <si>
    <t>理容とがし</t>
  </si>
  <si>
    <t>有限会社　逞志</t>
  </si>
  <si>
    <t>ヘアーサロン　ヒロ</t>
  </si>
  <si>
    <t>富山市小見４７７－５</t>
  </si>
  <si>
    <t>0070</t>
  </si>
  <si>
    <t>古川理容院</t>
  </si>
  <si>
    <t>ヘアーサロン　イワキ</t>
  </si>
  <si>
    <t>ヘアーサロンまつしま</t>
  </si>
  <si>
    <t>0158</t>
  </si>
  <si>
    <t>0203</t>
  </si>
  <si>
    <t>ＴＯＫＯＹＡさんＭＡＳＥ</t>
  </si>
  <si>
    <t>ヘアーサロン　よねだ</t>
  </si>
  <si>
    <t>富山市舟橋南町１０－６</t>
  </si>
  <si>
    <t>富山市稲荷元町１－６－１３</t>
  </si>
  <si>
    <t>富山市永楽町３４－１</t>
  </si>
  <si>
    <t>理容イケダ</t>
  </si>
  <si>
    <t>富山市上本町５－１８</t>
  </si>
  <si>
    <t>富山市桃井町２－２－１</t>
  </si>
  <si>
    <t>東京都渋谷区代々木３－４０－７</t>
  </si>
  <si>
    <t>0221</t>
  </si>
  <si>
    <t>株式会社　アデランス</t>
  </si>
  <si>
    <t>富山市田中町４－１６－１</t>
  </si>
  <si>
    <t>富山市総曲輪３－３－２１</t>
  </si>
  <si>
    <t>富山市住吉町一丁目１－１０</t>
    <rPh sb="0" eb="3">
      <t>トヤマシ</t>
    </rPh>
    <rPh sb="3" eb="5">
      <t>スミヨシ</t>
    </rPh>
    <rPh sb="5" eb="6">
      <t>マチ</t>
    </rPh>
    <rPh sb="6" eb="9">
      <t>イッチョウメ</t>
    </rPh>
    <phoneticPr fontId="3"/>
  </si>
  <si>
    <t>富山市八尾町天満町６７７２－８</t>
  </si>
  <si>
    <t>富山市綾田町３－８－３５</t>
  </si>
  <si>
    <t>富山市太郎丸西町１－３－６</t>
  </si>
  <si>
    <t>0062</t>
  </si>
  <si>
    <t>ＢＡＲ　ＢＥＲ　Ｓｕｐｐｏｓｅ</t>
  </si>
  <si>
    <t>ヘアーサロンＥＱＵＩＰ</t>
  </si>
  <si>
    <t>ＢＡＲ　ＢＥＲ　むらかみ</t>
  </si>
  <si>
    <t>富山市藤木１４７２</t>
  </si>
  <si>
    <t>ヘアーサロン　アカイシ</t>
  </si>
  <si>
    <t>富山市下奥井町１－１４－１０</t>
  </si>
  <si>
    <t>富山県富山市杉谷２６３０</t>
  </si>
  <si>
    <t>富山市水橋石割３６</t>
  </si>
  <si>
    <t>ＨＡＩＲ　ｄｅ　ＨＡＩＲ（ヘアードウヘアー）</t>
  </si>
  <si>
    <t>理容イイナミ</t>
  </si>
  <si>
    <t>0228</t>
  </si>
  <si>
    <t>0042</t>
  </si>
  <si>
    <t>ヘアーサロン魚川</t>
  </si>
  <si>
    <t>アートス</t>
  </si>
  <si>
    <t>ヘアードレッシング　清水</t>
  </si>
  <si>
    <t>富山市四方２２５－２</t>
    <rPh sb="0" eb="3">
      <t>トヤマシ</t>
    </rPh>
    <rPh sb="3" eb="5">
      <t>ヨカタ</t>
    </rPh>
    <phoneticPr fontId="3"/>
  </si>
  <si>
    <t>理容きし</t>
  </si>
  <si>
    <t>富山市茶屋町字中ノ間６０１－１，６０８</t>
  </si>
  <si>
    <t>大阪府八尾市安中町２－１－２９</t>
  </si>
  <si>
    <t>0169</t>
  </si>
  <si>
    <t>ＨＡＩＲ　ＳＰＡＣＥ　髪ｉｎｇ</t>
  </si>
  <si>
    <t>アサノ理容院</t>
  </si>
  <si>
    <t>富山市秋吉新町２３－１４</t>
  </si>
  <si>
    <t>富山市水橋中出９６４</t>
  </si>
  <si>
    <t>アメヨコ理容</t>
  </si>
  <si>
    <t>富山市月岡西緑町５</t>
  </si>
  <si>
    <t>富山市荒町６－６　荒町ビル１Ｆ</t>
  </si>
  <si>
    <t>富山市鍋田７－７</t>
  </si>
  <si>
    <t>ヘアーサロン　むらぐち</t>
  </si>
  <si>
    <t>うえの理容所</t>
  </si>
  <si>
    <t>富山市新富町２－３－７</t>
  </si>
  <si>
    <t>富山市不二越町１０－３０</t>
  </si>
  <si>
    <t>エツ理容所</t>
  </si>
  <si>
    <t>0136</t>
  </si>
  <si>
    <t>0345</t>
  </si>
  <si>
    <t>富山市呉羽本町２７５７</t>
  </si>
  <si>
    <t>富山市山室６４－１２</t>
  </si>
  <si>
    <t>富山市山室２２６－２</t>
  </si>
  <si>
    <t>カットサロン　ドレッシング</t>
  </si>
  <si>
    <t>富山市中田２－３－３２</t>
  </si>
  <si>
    <t>0019</t>
  </si>
  <si>
    <t>砂子理容所</t>
  </si>
  <si>
    <t>日影理容院</t>
  </si>
  <si>
    <t>株式会社　マックスコムズウエスト　</t>
  </si>
  <si>
    <t>0015</t>
  </si>
  <si>
    <t>カットハウスＺ</t>
  </si>
  <si>
    <t>富山市五福３区３５８</t>
  </si>
  <si>
    <t>カットスタジオ　マエノ</t>
  </si>
  <si>
    <t>カットスタジオKOJI</t>
  </si>
  <si>
    <t>富山市寺町１４６７－２</t>
  </si>
  <si>
    <t>ヘアーサロン　カツミ</t>
  </si>
  <si>
    <t>富山市新保１１１０</t>
  </si>
  <si>
    <t>ＬＵＳＴ</t>
  </si>
  <si>
    <t>カットハウス　イシグロ</t>
  </si>
  <si>
    <t>富山市二松３８ー８</t>
  </si>
  <si>
    <t>富山市五福８区３３５３－７ハウスメイト１Ｆ</t>
  </si>
  <si>
    <t>富山市下大久保２２１９－７９</t>
  </si>
  <si>
    <t>ヘアーサロンてらしま</t>
  </si>
  <si>
    <t>カットハウスぐりんぴいす</t>
  </si>
  <si>
    <t>マスタッシュ堀川１Ｆ</t>
  </si>
  <si>
    <t>カットハウスこんの</t>
  </si>
  <si>
    <t>富山市岩瀬天神町３９－１</t>
  </si>
  <si>
    <t>ＢＬＯＯＤ</t>
  </si>
  <si>
    <t>カットハウスタケシ</t>
  </si>
  <si>
    <t>富山市豊田本町２－１１－６</t>
  </si>
  <si>
    <t>カミヤ</t>
  </si>
  <si>
    <t>富山市藤木２０３８－７</t>
  </si>
  <si>
    <t>0188</t>
  </si>
  <si>
    <t>こばやし理容院</t>
  </si>
  <si>
    <t>0175</t>
  </si>
  <si>
    <t>富山市住吉町１ー７ー２５</t>
  </si>
  <si>
    <t>0052</t>
  </si>
  <si>
    <t>さかばやし</t>
  </si>
  <si>
    <t>ヘアーサロン　イワエ</t>
  </si>
  <si>
    <t>富山市金代３７４</t>
  </si>
  <si>
    <t>富山市豊田本町２－１－３５</t>
  </si>
  <si>
    <t>理・美容院　ＡＲＯＯ　</t>
  </si>
  <si>
    <t>富山市高屋敷８２４－１</t>
  </si>
  <si>
    <t>ヘアーサロン　ホンダ</t>
  </si>
  <si>
    <t>富山市一番町３－２６　ＱＢビル２Ｆ</t>
  </si>
  <si>
    <t>富山市茶屋町２０５</t>
  </si>
  <si>
    <t>0022</t>
  </si>
  <si>
    <t>ステップ</t>
  </si>
  <si>
    <t>富山市布目３９７</t>
  </si>
  <si>
    <t>ストーン・フィールド</t>
  </si>
  <si>
    <t>0066</t>
  </si>
  <si>
    <t>富山市八尾町大杉２６７４－１３</t>
  </si>
  <si>
    <t>かっとはうす　琥珀館</t>
  </si>
  <si>
    <t>理容プラージュ　富山天正寺店</t>
  </si>
  <si>
    <t>タイム</t>
  </si>
  <si>
    <t>0051</t>
  </si>
  <si>
    <t>タカムラ理容</t>
  </si>
  <si>
    <t>富山市長柄町１－１－３</t>
  </si>
  <si>
    <t>0219</t>
  </si>
  <si>
    <t>ネッスル理容所</t>
  </si>
  <si>
    <t>0044</t>
  </si>
  <si>
    <t>富山市神通本町２－１－２７</t>
  </si>
  <si>
    <t>ドゥエルコート住吉１階</t>
    <rPh sb="7" eb="9">
      <t>スミヨシ</t>
    </rPh>
    <rPh sb="10" eb="11">
      <t>カイ</t>
    </rPh>
    <phoneticPr fontId="3"/>
  </si>
  <si>
    <t>とこやさん</t>
  </si>
  <si>
    <t>大輪</t>
  </si>
  <si>
    <t>富山市新庄町１５９－７</t>
    <rPh sb="4" eb="5">
      <t>ショウ</t>
    </rPh>
    <phoneticPr fontId="3"/>
  </si>
  <si>
    <t>富山県富山市田中町１－１６－３８</t>
  </si>
  <si>
    <t>富山市呉羽字海老山７１８７－３８</t>
  </si>
  <si>
    <t>バーバーアラカワ</t>
  </si>
  <si>
    <t>0197</t>
  </si>
  <si>
    <t>株式会社　カットツイン</t>
  </si>
  <si>
    <t>富山市清水町６－６－１７</t>
  </si>
  <si>
    <t>ヘアーイン　スカット</t>
  </si>
  <si>
    <t>0120</t>
  </si>
  <si>
    <t>0091</t>
  </si>
  <si>
    <t>大阪府藤井寺市春日丘３丁目１２ー１</t>
  </si>
  <si>
    <t>バングアップ　ＢＡＮＧ　ＵＰ</t>
  </si>
  <si>
    <t>伴理容院</t>
  </si>
  <si>
    <t>富山市高屋敷６７３</t>
  </si>
  <si>
    <t>富山市四方西野割２２７１</t>
  </si>
  <si>
    <t>ふじい理容院</t>
  </si>
  <si>
    <t>富山市相生町３－２２</t>
  </si>
  <si>
    <t>Ｎｏ．２</t>
  </si>
  <si>
    <t>ふじ理容院</t>
  </si>
  <si>
    <t>0237</t>
  </si>
  <si>
    <t>富山市悪王寺６０</t>
  </si>
  <si>
    <t>富山市大泉本町１－４－１１</t>
  </si>
  <si>
    <t>富山市中川原字八幡田割９８－３</t>
  </si>
  <si>
    <t>ヘアー　ルーム・ｆｒｅｅ</t>
  </si>
  <si>
    <t>富山市高畠町１－１０－５３</t>
  </si>
  <si>
    <t>ヘアーサロン　フクタ</t>
  </si>
  <si>
    <t>富山市黒瀬２４０－３５</t>
  </si>
  <si>
    <t>富山市不二越町８－１９</t>
  </si>
  <si>
    <t>野田理容院</t>
  </si>
  <si>
    <t>ヘアーサロン　アキ</t>
  </si>
  <si>
    <t>ヘアーサロン　ウメザワ</t>
  </si>
  <si>
    <t>富山市西宮１３１－１０</t>
  </si>
  <si>
    <t>富山市花園町３－７－１７</t>
  </si>
  <si>
    <t>ヘアーサロン　オオミ</t>
  </si>
  <si>
    <t>富山市岩瀬御蔵町１５</t>
  </si>
  <si>
    <t>ヘアーサロン　サクセス</t>
  </si>
  <si>
    <t>富山市大泉北町９－２２</t>
  </si>
  <si>
    <t>ヘアーサロン　どい</t>
  </si>
  <si>
    <t>富山市水橋新町１７９</t>
  </si>
  <si>
    <t>ヘアーサロン　なかい</t>
  </si>
  <si>
    <t>富山市総曲輪二丁目８－１１</t>
    <rPh sb="0" eb="3">
      <t>トヤマシ</t>
    </rPh>
    <rPh sb="3" eb="6">
      <t>ソウガワ</t>
    </rPh>
    <rPh sb="6" eb="9">
      <t>ニチョウメ</t>
    </rPh>
    <phoneticPr fontId="3"/>
  </si>
  <si>
    <t>富山市飯野２６－５</t>
  </si>
  <si>
    <t>ヘアーサロンなるせ</t>
  </si>
  <si>
    <t>藤木理容院</t>
  </si>
  <si>
    <t>富山市秋吉新町２１－２８</t>
  </si>
  <si>
    <t>桜橋理容所</t>
  </si>
  <si>
    <t>ヘアーサロンアオキ</t>
  </si>
  <si>
    <t>富山市経堂４－７－１２</t>
  </si>
  <si>
    <t>0028</t>
  </si>
  <si>
    <t>0180</t>
  </si>
  <si>
    <t>富山市若竹町２－１００</t>
  </si>
  <si>
    <t>ヘアーサロン　山崎</t>
  </si>
  <si>
    <t>富山市稲荷元町２－７－１６メゾンひまわり１Ｆ</t>
  </si>
  <si>
    <t>ヘアサロンあたまの館</t>
  </si>
  <si>
    <t>富山市東田地方町１－４－２１</t>
  </si>
  <si>
    <t>富山市古沢２９６</t>
  </si>
  <si>
    <t>4424</t>
  </si>
  <si>
    <t>富山市西長江２－２－７８</t>
  </si>
  <si>
    <t>松原理容室</t>
  </si>
  <si>
    <t>富山市奥田寿町１１－２０</t>
  </si>
  <si>
    <t>西野理容店</t>
  </si>
  <si>
    <t>富山市花園町４－１１－１８</t>
  </si>
  <si>
    <t>ヘアーサロンくろだ</t>
  </si>
  <si>
    <t>富山市米田すずかけ台２－８－３</t>
  </si>
  <si>
    <t>カーサプラシードＭ１０１</t>
  </si>
  <si>
    <t>ヘアーサロンタカダ</t>
  </si>
  <si>
    <t>富山市中央通り２－３－１９</t>
  </si>
  <si>
    <t>ヘアーサロンタケベ</t>
  </si>
  <si>
    <t>板本理容院</t>
  </si>
  <si>
    <t>富山市石倉町２－２２</t>
  </si>
  <si>
    <t>富山市八尾町滅鬼７－５</t>
  </si>
  <si>
    <t>0056</t>
  </si>
  <si>
    <t>富山市白銀町５－２２</t>
  </si>
  <si>
    <t>松田理容院</t>
  </si>
  <si>
    <t>ヘアーサロンナカエ</t>
  </si>
  <si>
    <t>ヘアーサロンなかにし</t>
  </si>
  <si>
    <t>富山市西長江４－７－３９</t>
  </si>
  <si>
    <t>富山市新庄町１－１７－６０</t>
  </si>
  <si>
    <t>ヘアーサロンハマタニ</t>
  </si>
  <si>
    <t>ヘアーサロンはやし</t>
  </si>
  <si>
    <t>富山市堀３２</t>
  </si>
  <si>
    <t>富山市水橋中町５８３</t>
  </si>
  <si>
    <t>富山市新庄町２７</t>
  </si>
  <si>
    <t>理容おくの</t>
  </si>
  <si>
    <t>富山市犬島一丁目４－１２</t>
    <rPh sb="0" eb="3">
      <t>トヤマシ</t>
    </rPh>
    <rPh sb="3" eb="5">
      <t>イヌジマ</t>
    </rPh>
    <rPh sb="5" eb="8">
      <t>イッチョウメ</t>
    </rPh>
    <phoneticPr fontId="3"/>
  </si>
  <si>
    <t>ＴＯＵＣＨ　ｃｕｔ　ｓｈａｖｅ　ｏｔｈｅｒｓ</t>
  </si>
  <si>
    <t>富山市綾田町２－５－３</t>
  </si>
  <si>
    <t>0172</t>
  </si>
  <si>
    <t>富山市上袋６２９－２</t>
  </si>
  <si>
    <t>理容たぢか</t>
  </si>
  <si>
    <t>ヘアーサロン山本</t>
  </si>
  <si>
    <t>富山市水橋辻ヵ堂２１７８－３</t>
  </si>
  <si>
    <t>理容サワキ</t>
  </si>
  <si>
    <t>富山市東町３－２－１４</t>
  </si>
  <si>
    <t>ヘアーサロン長江</t>
  </si>
  <si>
    <t>富山市新庄古城２９</t>
  </si>
  <si>
    <t>ヘアーショップ　ナイス</t>
  </si>
  <si>
    <t>富山市西中野本町１３－１３</t>
  </si>
  <si>
    <t>ヘアーショップ４４０</t>
  </si>
  <si>
    <t>ヘアーショップＴＡＲＯＭＡＲＵ</t>
  </si>
  <si>
    <t>富山市太郎丸９８－７</t>
  </si>
  <si>
    <t>ヘアースタジオ　サワタニ</t>
  </si>
  <si>
    <t>富山市上野１２１</t>
  </si>
  <si>
    <t>富山市森若町５－２５</t>
  </si>
  <si>
    <t>富山市婦中町高日附４５２－１</t>
  </si>
  <si>
    <t>富山市新庄銀座１－１４－１７</t>
  </si>
  <si>
    <t>財団法人立仁会　理容室</t>
  </si>
  <si>
    <t>ヘアーハウスブーフーウー</t>
  </si>
  <si>
    <t>富山市新庄銀座１－８－１８</t>
  </si>
  <si>
    <t>株式会社　エスワイティー</t>
  </si>
  <si>
    <t>ヘアーハウスマエダ</t>
  </si>
  <si>
    <t>0165</t>
  </si>
  <si>
    <t>富山市上飯野字北稲田１４－１</t>
  </si>
  <si>
    <t>ヘアーブチック　マツザワ</t>
  </si>
  <si>
    <t>富山市旭町２－２</t>
  </si>
  <si>
    <t>フレンズ</t>
  </si>
  <si>
    <t>富山市秋吉３７－５</t>
  </si>
  <si>
    <t>髪匠　東富山</t>
    <rPh sb="0" eb="1">
      <t>カミ</t>
    </rPh>
    <rPh sb="1" eb="2">
      <t>タクミ</t>
    </rPh>
    <rPh sb="3" eb="4">
      <t>ヒガシ</t>
    </rPh>
    <rPh sb="4" eb="6">
      <t>トヤマ</t>
    </rPh>
    <phoneticPr fontId="3"/>
  </si>
  <si>
    <t>ヘアーワークス　トライアングル</t>
  </si>
  <si>
    <t>ｈａｉｒ　Ｒｏｏｍ　ｅ’ｓ</t>
  </si>
  <si>
    <t>富山市古沢６６７４</t>
  </si>
  <si>
    <t>ヘアーサロン　大地</t>
  </si>
  <si>
    <t>0099</t>
  </si>
  <si>
    <t>富山市楡原１２７１－５</t>
  </si>
  <si>
    <t>0173</t>
  </si>
  <si>
    <t>0144</t>
  </si>
  <si>
    <t>ＣＯＩ富山新桜町ビル６Ｆ</t>
  </si>
  <si>
    <t>富山市小杉１０４７</t>
  </si>
  <si>
    <t>中根理容室</t>
  </si>
  <si>
    <t>ヘアーサロンクロサキ</t>
  </si>
  <si>
    <t>富山市桜町１－６－１５</t>
  </si>
  <si>
    <t>ヘアーサロン　おきな</t>
  </si>
  <si>
    <t>今井理容院</t>
  </si>
  <si>
    <t>佐藤理容院</t>
  </si>
  <si>
    <t>富山市向新庄２３７－４</t>
  </si>
  <si>
    <t>富山市本町１０－６</t>
  </si>
  <si>
    <t>0176</t>
  </si>
  <si>
    <t>三井理容院</t>
  </si>
  <si>
    <t>富山市太郎丸本町３－７－１１</t>
  </si>
  <si>
    <t>富山市池多６４７－３</t>
  </si>
  <si>
    <t>富山市開９８－６</t>
  </si>
  <si>
    <t>富山市羽根２区１－３</t>
  </si>
  <si>
    <t>山崎理容院</t>
  </si>
  <si>
    <t>富山市上冨居３－８－３８</t>
  </si>
  <si>
    <t>富山市住友町１９－１５</t>
  </si>
  <si>
    <t>富山県富山市草島１</t>
  </si>
  <si>
    <t>0061</t>
  </si>
  <si>
    <t>富山市牛島町１３－１５　百川ビルＢ１Ｆ</t>
  </si>
  <si>
    <t>0025</t>
  </si>
  <si>
    <t>アピタ富山東店２Ｆ</t>
  </si>
  <si>
    <t>上坂理容店</t>
  </si>
  <si>
    <t>富山市五福６区１８０９－２０</t>
  </si>
  <si>
    <t>0366</t>
  </si>
  <si>
    <t>富山市金泉寺２４９</t>
  </si>
  <si>
    <t>0198</t>
  </si>
  <si>
    <t>ヘアーサロン　ＭＩＺＵＨＡＲＡ</t>
  </si>
  <si>
    <t>水原理容所</t>
  </si>
  <si>
    <t>富山交通株式会社　　　　　　</t>
  </si>
  <si>
    <t>西村理容院</t>
  </si>
  <si>
    <t>富山市堀川小泉二区８２２</t>
  </si>
  <si>
    <t>富山市四方東野割町３２</t>
  </si>
  <si>
    <t>理容アオキ</t>
  </si>
  <si>
    <t>0128</t>
  </si>
  <si>
    <t>石井理容店</t>
  </si>
  <si>
    <t>富山市下堀（朝菜町３丁目）５６－５</t>
  </si>
  <si>
    <t>0432</t>
  </si>
  <si>
    <t>富山市水橋山王町２４３７</t>
  </si>
  <si>
    <t>0031</t>
  </si>
  <si>
    <t>千沢理容室</t>
  </si>
  <si>
    <t>前田理容所</t>
  </si>
  <si>
    <t>富山市奥井町１９－１１</t>
  </si>
  <si>
    <t>富山市双葉町２２</t>
  </si>
  <si>
    <t>村下理容所</t>
  </si>
  <si>
    <t>理容トヨオカ</t>
  </si>
  <si>
    <t>富山市泉町１－１－１０</t>
  </si>
  <si>
    <t>富山市五福３１９０</t>
  </si>
  <si>
    <t>0218</t>
  </si>
  <si>
    <t>竹山理容所</t>
  </si>
  <si>
    <t>0419</t>
  </si>
  <si>
    <t>0227</t>
  </si>
  <si>
    <t>富山市下富居１－８－２０　</t>
  </si>
  <si>
    <t>理容米林</t>
  </si>
  <si>
    <t>富山市五福３４３４</t>
    <rPh sb="0" eb="3">
      <t>トヤマシ</t>
    </rPh>
    <rPh sb="3" eb="5">
      <t>ゴフク</t>
    </rPh>
    <phoneticPr fontId="3"/>
  </si>
  <si>
    <t>中田理容院</t>
  </si>
  <si>
    <t>藤井理容院</t>
  </si>
  <si>
    <t>下坂理容所</t>
  </si>
  <si>
    <t>理容サロン　ツジタニ</t>
  </si>
  <si>
    <t>富山市藤木３２４０</t>
  </si>
  <si>
    <t>0234</t>
  </si>
  <si>
    <t>富山丸の内合同庁舎理容室</t>
  </si>
  <si>
    <t>あるぺん村新桜町ビル３Ｆ</t>
    <rPh sb="4" eb="5">
      <t>ムラ</t>
    </rPh>
    <rPh sb="5" eb="8">
      <t>シンサクラマチ</t>
    </rPh>
    <phoneticPr fontId="3"/>
  </si>
  <si>
    <t>渡理容院</t>
  </si>
  <si>
    <t>富山市有沢２５７０－１</t>
  </si>
  <si>
    <t>藤山理容院</t>
  </si>
  <si>
    <t>藤村理容所</t>
  </si>
  <si>
    <t>富山市大泉一区東部１５２６</t>
  </si>
  <si>
    <t>0404</t>
  </si>
  <si>
    <t>富山市大手町６－８</t>
  </si>
  <si>
    <t>0193</t>
  </si>
  <si>
    <t>株式会社　ハマ</t>
  </si>
  <si>
    <t>0097</t>
  </si>
  <si>
    <t>北陸電力富山火力発電所</t>
  </si>
  <si>
    <t>富山市浜黒崎３３２７</t>
  </si>
  <si>
    <t>0212</t>
  </si>
  <si>
    <t>0108</t>
  </si>
  <si>
    <t>0032</t>
  </si>
  <si>
    <t>アピアショッピングセンター１Ｆ</t>
  </si>
  <si>
    <t>白百合理容所</t>
  </si>
  <si>
    <t>富山市岩瀬白山町二区９３</t>
  </si>
  <si>
    <t>飯田理容所</t>
  </si>
  <si>
    <t>0214</t>
  </si>
  <si>
    <t>富山市猪谷４７９</t>
  </si>
  <si>
    <t>0163</t>
  </si>
  <si>
    <t>富山市丸の内１－５－１３</t>
  </si>
  <si>
    <t>富山市下飯野３６</t>
  </si>
  <si>
    <t>富山交通理容室</t>
  </si>
  <si>
    <t>富山市双代町２７</t>
  </si>
  <si>
    <t>0183</t>
  </si>
  <si>
    <t>0087</t>
  </si>
  <si>
    <t>保田理容所</t>
  </si>
  <si>
    <t>放生理容</t>
  </si>
  <si>
    <t>北電ビル理容室</t>
  </si>
  <si>
    <t>富山市牛島町１５－１　北陸電力本店Ｂ１Ｆ</t>
  </si>
  <si>
    <t>カットコムズ　アピタ富山東店</t>
  </si>
  <si>
    <t>0161</t>
  </si>
  <si>
    <t>富山市草島１</t>
  </si>
  <si>
    <t>0143</t>
  </si>
  <si>
    <t>堀理容店</t>
  </si>
  <si>
    <t>富山市水橋開発４７１</t>
  </si>
  <si>
    <t>0182</t>
  </si>
  <si>
    <t>富山市水橋立山町１０４</t>
  </si>
  <si>
    <t>0060</t>
  </si>
  <si>
    <t>0386</t>
  </si>
  <si>
    <t>富山市秋吉新町６－２３</t>
  </si>
  <si>
    <t>野田理容店</t>
  </si>
  <si>
    <t>林理容所</t>
  </si>
  <si>
    <t>理髪室</t>
  </si>
  <si>
    <t>富山市今泉北部２ー１　富山市民病院</t>
  </si>
  <si>
    <t>0037</t>
  </si>
  <si>
    <t>ＣＵＢＩＳＭ　五福店</t>
  </si>
  <si>
    <t>富山市呉羽丸富町５９７３－２６</t>
  </si>
  <si>
    <t>富山市泉町２－１－１８</t>
  </si>
  <si>
    <t>理容アライ</t>
  </si>
  <si>
    <t>富山市城村７３６</t>
  </si>
  <si>
    <t>理容上野</t>
  </si>
  <si>
    <t>理容うめざわ</t>
  </si>
  <si>
    <t>ＡＭＡＭＩ</t>
  </si>
  <si>
    <t>ワイ・ビズ・ヘアー</t>
  </si>
  <si>
    <t>富山市犬島７ー７ー１１</t>
  </si>
  <si>
    <t>Ｒｅｌａ（リラ）</t>
  </si>
  <si>
    <t>0130</t>
  </si>
  <si>
    <t>富山市総曲輪４－３－１０</t>
  </si>
  <si>
    <t>理容クロサキ</t>
  </si>
  <si>
    <t>富山市元町１－２－１９</t>
  </si>
  <si>
    <t>ヘアーアート　ミツル</t>
  </si>
  <si>
    <t>理容しんむら</t>
  </si>
  <si>
    <t>富山市大町２区２９７</t>
  </si>
  <si>
    <t>理容セガワ</t>
  </si>
  <si>
    <t>富山市東町１－６－２</t>
  </si>
  <si>
    <t>富山市下堀７－３</t>
  </si>
  <si>
    <t>富山市安田町４－２４</t>
  </si>
  <si>
    <t>理容ノーブル</t>
  </si>
  <si>
    <t>富山市中川原新町６５－３４</t>
  </si>
  <si>
    <t>富山県富山市下新町３２－２６</t>
  </si>
  <si>
    <t>富山市長附６５２－３</t>
    <rPh sb="0" eb="3">
      <t>トヤマシ</t>
    </rPh>
    <rPh sb="3" eb="4">
      <t>ナガ</t>
    </rPh>
    <rPh sb="4" eb="5">
      <t>ツ</t>
    </rPh>
    <phoneticPr fontId="3"/>
  </si>
  <si>
    <t>理容ハヤシ</t>
  </si>
  <si>
    <t>富山市布目１６８４－４</t>
  </si>
  <si>
    <t>理容プラージュ　富山稲荷公園前店</t>
  </si>
  <si>
    <t>富山市綾田町１丁目７ー７</t>
  </si>
  <si>
    <t>0047</t>
  </si>
  <si>
    <t>大阪府藤井寺市春日丘３－１２－１</t>
  </si>
  <si>
    <t>理容室アクール</t>
  </si>
  <si>
    <t>富山市掛尾町２３２</t>
  </si>
  <si>
    <t>5981</t>
  </si>
  <si>
    <t>0434</t>
  </si>
  <si>
    <t>理容中浜</t>
  </si>
  <si>
    <t>富山市日之出町１－１０</t>
  </si>
  <si>
    <t>0353</t>
  </si>
  <si>
    <t>富山市茶屋町３９－５</t>
  </si>
  <si>
    <t>カットコムズ　アピア店</t>
  </si>
  <si>
    <t>ＢＡＲ　ＢＥＲ　ノハラ</t>
  </si>
  <si>
    <t>理容林</t>
  </si>
  <si>
    <t>0202</t>
  </si>
  <si>
    <t>鈴木理容所</t>
  </si>
  <si>
    <t>富山市下新本町９－１７</t>
  </si>
  <si>
    <t>鈴木理容店</t>
  </si>
  <si>
    <t>中家理容室</t>
  </si>
  <si>
    <t>富山市八尾町黒田６５－１</t>
  </si>
  <si>
    <t>理容　大沢</t>
  </si>
  <si>
    <t>富山市八尾町杉田２６７</t>
  </si>
  <si>
    <t>富山市八尾町奥田８２－４</t>
  </si>
  <si>
    <t>富山市八尾町上新町２６５４</t>
  </si>
  <si>
    <t>富山市公文名４６－８</t>
  </si>
  <si>
    <t>理容　ねがみ</t>
  </si>
  <si>
    <t>富山市八尾町天満町６７７３－２８</t>
  </si>
  <si>
    <t>平野理容院</t>
  </si>
  <si>
    <t>富山市八尾町福島３－７２</t>
  </si>
  <si>
    <t>富山市八尾町上高善寺９３７－１</t>
  </si>
  <si>
    <t>富山市鍋田４３－２</t>
  </si>
  <si>
    <t>富山市八尾町西町１１２９－１</t>
  </si>
  <si>
    <t>おくざわ理容所</t>
  </si>
  <si>
    <t>富山市八尾町井田６７２２－５</t>
  </si>
  <si>
    <t>富山市婦中町蛍川６８０－１２</t>
  </si>
  <si>
    <t>はしづめ理容所</t>
  </si>
  <si>
    <t>富山市八尾町福島畑田２１９ー４</t>
  </si>
  <si>
    <t>理容　ウラノ</t>
    <rPh sb="0" eb="2">
      <t>リヨウ</t>
    </rPh>
    <phoneticPr fontId="3"/>
  </si>
  <si>
    <t>8347</t>
  </si>
  <si>
    <t>富山市山田中瀬２４３１－１</t>
  </si>
  <si>
    <t>0129</t>
  </si>
  <si>
    <t>富山市婦中町下轡田４８２－１</t>
  </si>
  <si>
    <t>谷野理容院</t>
  </si>
  <si>
    <t>富山市婦中町速星９７７</t>
  </si>
  <si>
    <t>ＨＥＡＤＺ　ヘアワークス</t>
  </si>
  <si>
    <t>タカノ理容院</t>
  </si>
  <si>
    <t>富山市婦中町羽根１７７５</t>
  </si>
  <si>
    <t>ＢＡＲ　ＢＥＲＳ　Ｙ’</t>
  </si>
  <si>
    <t>富山市婦中町砂子田３８－９</t>
  </si>
  <si>
    <t>理容ロイヤル　</t>
  </si>
  <si>
    <t>富山市婦中町下轡田２６－５</t>
  </si>
  <si>
    <t>タカタヒロユキの店</t>
  </si>
  <si>
    <t>まきの理容</t>
  </si>
  <si>
    <t>富山市婦中町千里３４７</t>
  </si>
  <si>
    <t>富山市新富町１－３－３　ホテルルートイン富山駅前１Ｆ</t>
    <rPh sb="20" eb="22">
      <t>トヤマ</t>
    </rPh>
    <rPh sb="22" eb="24">
      <t>エキマエ</t>
    </rPh>
    <phoneticPr fontId="3"/>
  </si>
  <si>
    <t>理容室いもり</t>
  </si>
  <si>
    <t>ヘアサロン　Ｒｙｕ</t>
  </si>
  <si>
    <t>0074</t>
  </si>
  <si>
    <t>Ｌ＆Ｍ</t>
  </si>
  <si>
    <t>富山市清水町４－１－１　コンチネンタル清水　テナントＢ</t>
  </si>
  <si>
    <t>富山市月岡町６－５７０</t>
  </si>
  <si>
    <t>0123</t>
  </si>
  <si>
    <t>富山市上大久保１０７０－５</t>
  </si>
  <si>
    <t>イン東京　富山東店</t>
  </si>
  <si>
    <t>富山市上冨居３－５－５</t>
  </si>
  <si>
    <t>富山市向新庄２００－１５</t>
  </si>
  <si>
    <t>厚生棟１Ｆ</t>
  </si>
  <si>
    <t>ｔｉｔｏ（ティト）ヘアーサロン</t>
  </si>
  <si>
    <t>富山市長附５６０－６</t>
  </si>
  <si>
    <t>富山市住吉７５７－２</t>
  </si>
  <si>
    <t>富山市千代田町９－４５</t>
  </si>
  <si>
    <t>理容カットエー</t>
  </si>
  <si>
    <t>富山市婦中町下轡田３５２－１</t>
  </si>
  <si>
    <t>トータルヘヤー　ヘブンス　ジグソ</t>
  </si>
  <si>
    <t>0100</t>
  </si>
  <si>
    <t>カット　イン　ウェルス　いのうえ</t>
  </si>
  <si>
    <t>富山市館出町１－３－６</t>
  </si>
  <si>
    <t>富山市婦中町袋２７９－３</t>
  </si>
  <si>
    <t>0104</t>
  </si>
  <si>
    <t>0133</t>
  </si>
  <si>
    <t>0109</t>
  </si>
  <si>
    <t>0110</t>
  </si>
  <si>
    <t>ヘアーサロン　ドイ</t>
  </si>
  <si>
    <t>富山市豊田町２丁目字前田割１２１－４</t>
  </si>
  <si>
    <t>富山市婦中町平等３７７－１</t>
  </si>
  <si>
    <t>LOGIQUE（ロジック）</t>
  </si>
  <si>
    <t>ｇｒｏｕｎｄ　Ｈ</t>
  </si>
  <si>
    <t>0115</t>
  </si>
  <si>
    <t>サロン・ド・ジョー</t>
  </si>
  <si>
    <t>0116</t>
  </si>
  <si>
    <t>0117</t>
  </si>
  <si>
    <t>有限会社　ウイ商事</t>
  </si>
  <si>
    <t>0119</t>
  </si>
  <si>
    <t>富山市婦中町持田１３４－６</t>
  </si>
  <si>
    <t>富山市婦中町十五丁７０３</t>
  </si>
  <si>
    <t>0127</t>
  </si>
  <si>
    <t>0121</t>
  </si>
  <si>
    <t>富山市稲荷元町２－１１－１</t>
  </si>
  <si>
    <t>カットコムズ　グリーンモール山室店</t>
  </si>
  <si>
    <t>0124</t>
  </si>
  <si>
    <t>ヘアーサロン・オオミ</t>
  </si>
  <si>
    <t>0126</t>
  </si>
  <si>
    <t>ＣＲＯＷＤ　ＳＣＩＳＳＯＲＳ（クラウド　シザーズ）</t>
  </si>
  <si>
    <t>ＵＰ　ＤＲＡＦＴ（アップ　ドラフト）</t>
  </si>
  <si>
    <t>富山市堀川町９８</t>
  </si>
  <si>
    <t>富山市五福２区５１９４－１</t>
  </si>
  <si>
    <t>村上ビル１Ｆ</t>
  </si>
  <si>
    <t>0209</t>
  </si>
  <si>
    <t>ヘアーサロン　ＩＫＥＤＡ</t>
  </si>
  <si>
    <t>0131</t>
  </si>
  <si>
    <t>カットハウス　ワイエムスタジオＢＢ</t>
  </si>
  <si>
    <t>富山市中野新町２－４－９</t>
  </si>
  <si>
    <t>相山ビル１Ｆ</t>
  </si>
  <si>
    <t>0135</t>
  </si>
  <si>
    <t>富山大学附属病院内</t>
  </si>
  <si>
    <t>財団法人　立仁会</t>
  </si>
  <si>
    <t>アジト　オブ　ヘア</t>
  </si>
  <si>
    <t>0139</t>
  </si>
  <si>
    <t>ルーム　ヘアー</t>
  </si>
  <si>
    <t>0140</t>
  </si>
  <si>
    <t>それいゆｉ２Ｆ</t>
  </si>
  <si>
    <t>ラフス　ヘア　デザイン</t>
  </si>
  <si>
    <t>サンライズカルティエパーク１Ｆ</t>
  </si>
  <si>
    <t>Ｂａｒｂｅｒ　Ｓｈｏｐ　Ｔ’ｓ</t>
  </si>
  <si>
    <t>ＨＡＩＲ　ＲＯＯＭ　ＹＡＳＵＭＯＴＯ</t>
  </si>
  <si>
    <t>0153</t>
  </si>
  <si>
    <t>ヘアーサロン　ラッキー</t>
  </si>
  <si>
    <t>0154</t>
  </si>
  <si>
    <t>富山市水橋池田舘（花の井町）７６４－４２</t>
  </si>
  <si>
    <t>0157</t>
  </si>
  <si>
    <t>0166</t>
  </si>
  <si>
    <t>0159</t>
  </si>
  <si>
    <t>ｈａｉｒ　ｗｏｒｋｓ　ｃａｓａｍｉａ</t>
  </si>
  <si>
    <t>富山市長江東町３－１－７</t>
  </si>
  <si>
    <t>0162</t>
  </si>
  <si>
    <t>Ｃａｌｄｏ</t>
  </si>
  <si>
    <t>富山市秋吉１８８</t>
  </si>
  <si>
    <t>ｈａｉｒ　ｓａｌｏｎ　ｌｉｎｋ－ｎ</t>
  </si>
  <si>
    <t>理容　サワエ</t>
  </si>
  <si>
    <t>ｇｒａｃｅ　雅</t>
  </si>
  <si>
    <t>富山市婦中町夢ケ丘１８５</t>
  </si>
  <si>
    <t>0167</t>
  </si>
  <si>
    <t>0231</t>
  </si>
  <si>
    <t>横山理容室</t>
  </si>
  <si>
    <t>0170</t>
  </si>
  <si>
    <t>高志リハビリステーション理容室</t>
  </si>
  <si>
    <t>富山市赤田３０５－６</t>
  </si>
  <si>
    <t>福岡県飯塚市大日寺６３８</t>
  </si>
  <si>
    <t>ＢＡＲＢＥＲ　ＳＡＫＡＩ</t>
  </si>
  <si>
    <t>ｈａｉｒ　Ｒｅｍａｋｅ　髪神</t>
  </si>
  <si>
    <t>富山市藤木２１４５－１</t>
  </si>
  <si>
    <t>富山市羽根１３１９</t>
  </si>
  <si>
    <t>0178</t>
  </si>
  <si>
    <t>（株）アートネイチャー　富山店</t>
  </si>
  <si>
    <t>富山市新桜町６－２４</t>
  </si>
  <si>
    <t>0179</t>
  </si>
  <si>
    <t>山下理容</t>
  </si>
  <si>
    <t>ヘアーサロン　水原</t>
  </si>
  <si>
    <t>Ｂａｒｆｕｓ</t>
  </si>
  <si>
    <t>富山市下新町３２－２６</t>
  </si>
  <si>
    <t>学校法人　富山県理容美容学校</t>
  </si>
  <si>
    <t>0184</t>
  </si>
  <si>
    <t>Ｙｕ．　Ｌａｄｙ’ｓ　ｓａｌｏｎ</t>
  </si>
  <si>
    <t>富山大学生協理容室</t>
  </si>
  <si>
    <t>Ｈａｉｒ　Ｓａｌｏｎ　Ｂｅｒｒｙ</t>
  </si>
  <si>
    <t>グリーンモール山室１Ｆ</t>
  </si>
  <si>
    <t>富山県富山市古沢５６１－２</t>
  </si>
  <si>
    <t>0187</t>
  </si>
  <si>
    <t>富山市大町２４６－６</t>
  </si>
  <si>
    <t>富山中央警察署理髪室</t>
  </si>
  <si>
    <t>富山市赤江町５－１</t>
  </si>
  <si>
    <t>一般財団法人　富山県警察協会</t>
  </si>
  <si>
    <t>富山県富山市新総曲輪１－７</t>
  </si>
  <si>
    <t>富山市堀川町６２－２</t>
  </si>
  <si>
    <t>株式会社　カットツイン　</t>
  </si>
  <si>
    <t>0194</t>
  </si>
  <si>
    <t>ヘアーサロン　ＷＡＫＡＴＡＫＥ</t>
  </si>
  <si>
    <t>0195</t>
  </si>
  <si>
    <t>Men's hair studio　４１（フォーティ　ワン）</t>
  </si>
  <si>
    <t>アプレシオ天正寺内１Ｆ</t>
  </si>
  <si>
    <t>0199</t>
  </si>
  <si>
    <t>ОＴＥＮ　ｔｏ　ＳＵＮ（オテントサン）</t>
  </si>
  <si>
    <t>0200</t>
  </si>
  <si>
    <t>ＣＡＦＣＡＬＵＣＥ（カフカルチェ）</t>
  </si>
  <si>
    <t>富山市秋吉１５２－１４</t>
  </si>
  <si>
    <t>0205</t>
  </si>
  <si>
    <t>0206</t>
  </si>
  <si>
    <t>ｂｌａｎｋ　ＨＡＩＲ　ＳＡＬＯＮ</t>
  </si>
  <si>
    <t>富山市野々上５７－３</t>
  </si>
  <si>
    <t>0208</t>
  </si>
  <si>
    <t>富山市五福１３６４－１</t>
  </si>
  <si>
    <t>富山県富山市婦中町外輪野１１０８１</t>
  </si>
  <si>
    <t>Ｑｕｉｃｋ　ｃｕｔ　ＢＢ　ファボーレ富山店</t>
  </si>
  <si>
    <t>富山市婦中町下轡田１６５－１</t>
  </si>
  <si>
    <t>ファボーレ２Ｆ</t>
  </si>
  <si>
    <t>0210</t>
  </si>
  <si>
    <t>中野　理容院</t>
  </si>
  <si>
    <t>ＢＯＲＤＯ</t>
  </si>
  <si>
    <t>0213</t>
  </si>
  <si>
    <t>散髪堂</t>
    <rPh sb="0" eb="2">
      <t>サンパツ</t>
    </rPh>
    <phoneticPr fontId="3"/>
  </si>
  <si>
    <t>富山市婦中町宮ケ島373</t>
    <rPh sb="0" eb="3">
      <t>トヤマシ</t>
    </rPh>
    <rPh sb="3" eb="6">
      <t>フチュウマチ</t>
    </rPh>
    <phoneticPr fontId="3"/>
  </si>
  <si>
    <t>アデランス富山</t>
    <rPh sb="5" eb="7">
      <t>トヤマ</t>
    </rPh>
    <phoneticPr fontId="3"/>
  </si>
  <si>
    <t>ＨＡＩＲ　Ｊｒ．</t>
  </si>
  <si>
    <t>富山市桜谷みどり町一丁目３７番地</t>
    <rPh sb="9" eb="10">
      <t>イチ</t>
    </rPh>
    <phoneticPr fontId="3"/>
  </si>
  <si>
    <t>富山市大泉東町２－５－４</t>
  </si>
  <si>
    <t>ＯＮＥ　ＳＴＥＰ</t>
  </si>
  <si>
    <t>富山市新庄町３２－１</t>
    <rPh sb="0" eb="3">
      <t>トヤマシ</t>
    </rPh>
    <rPh sb="3" eb="6">
      <t>シンジョウマチ</t>
    </rPh>
    <phoneticPr fontId="3"/>
  </si>
  <si>
    <t>富山市八尾町福島二区９９</t>
  </si>
  <si>
    <t>富山市新桜町２－２６</t>
    <rPh sb="0" eb="3">
      <t>トヤマシ</t>
    </rPh>
    <rPh sb="3" eb="6">
      <t>シンサクラマチ</t>
    </rPh>
    <phoneticPr fontId="3"/>
  </si>
  <si>
    <t>富山市中田一丁目２－３５</t>
    <rPh sb="0" eb="3">
      <t>トヤマシ</t>
    </rPh>
    <rPh sb="3" eb="5">
      <t>ナカダ</t>
    </rPh>
    <rPh sb="5" eb="8">
      <t>イッチョウメ</t>
    </rPh>
    <phoneticPr fontId="3"/>
  </si>
  <si>
    <t>シーサイドビル１Ｆ　Ｎｏ２</t>
  </si>
  <si>
    <t>ヘアーアトリエはやかわ</t>
  </si>
  <si>
    <t>ＶＩＴＡＭＩＮ　ｈａｉｒ</t>
  </si>
  <si>
    <t>理容西本</t>
    <rPh sb="0" eb="2">
      <t>リヨウ</t>
    </rPh>
    <rPh sb="2" eb="4">
      <t>ニシモト</t>
    </rPh>
    <phoneticPr fontId="3"/>
  </si>
  <si>
    <t>有限会社　ミナモト</t>
  </si>
  <si>
    <t>経理システム　有限会社　</t>
  </si>
  <si>
    <t>阪南理美容　株式会社　　　　　　</t>
  </si>
  <si>
    <t>株式会社　アポロ　</t>
  </si>
  <si>
    <t>株式会社　アートネイチャー</t>
  </si>
  <si>
    <t>北陸電力株式会社　富山火力発電所</t>
  </si>
  <si>
    <t>富山市中老田３０３番地１</t>
    <rPh sb="0" eb="3">
      <t>トヤマシ</t>
    </rPh>
    <rPh sb="9" eb="10">
      <t>バン</t>
    </rPh>
    <rPh sb="10" eb="11">
      <t>チ</t>
    </rPh>
    <phoneticPr fontId="3"/>
  </si>
  <si>
    <t>Ｃ'ｅｓｔ　ｃｈｏｕｅｔｔｅ（セ・シュエット）</t>
  </si>
  <si>
    <t>0223</t>
  </si>
  <si>
    <t>シェービングエステサロン　ｍｒ(ミロ)</t>
  </si>
  <si>
    <t>富山市雄山町７－５</t>
    <rPh sb="0" eb="3">
      <t>トヤマシ</t>
    </rPh>
    <phoneticPr fontId="3"/>
  </si>
  <si>
    <t>Ｈａｐｐｉｎｅｓｓ　ｓａｌｏｎ</t>
  </si>
  <si>
    <t>富山市北代３８９１－２６</t>
    <rPh sb="0" eb="3">
      <t>トヤマシ</t>
    </rPh>
    <rPh sb="3" eb="4">
      <t>キタ</t>
    </rPh>
    <rPh sb="4" eb="5">
      <t>ダイ</t>
    </rPh>
    <phoneticPr fontId="3"/>
  </si>
  <si>
    <t>東京都品川区東品川４－１２－６</t>
    <rPh sb="0" eb="3">
      <t>トウキョウト</t>
    </rPh>
    <rPh sb="3" eb="6">
      <t>シナガワク</t>
    </rPh>
    <rPh sb="6" eb="9">
      <t>ヒガシシナガワ</t>
    </rPh>
    <phoneticPr fontId="3"/>
  </si>
  <si>
    <t>３８８</t>
  </si>
  <si>
    <t>富山市秋吉１９４－１</t>
    <rPh sb="0" eb="3">
      <t>トヤマシ</t>
    </rPh>
    <rPh sb="3" eb="5">
      <t>アキヨシ</t>
    </rPh>
    <phoneticPr fontId="3"/>
  </si>
  <si>
    <t>理容プラーナ　富山店</t>
  </si>
  <si>
    <t>富山市上袋６０５－２</t>
  </si>
  <si>
    <t>中村理容院</t>
    <rPh sb="4" eb="5">
      <t>イン</t>
    </rPh>
    <phoneticPr fontId="3"/>
  </si>
  <si>
    <t>0226</t>
  </si>
  <si>
    <t>0222</t>
  </si>
  <si>
    <t>Ｂａｒｂｅｒ　Ｓｔｕｄｉｏ　Ｂｏｘ</t>
  </si>
  <si>
    <t>0229</t>
  </si>
  <si>
    <t>髪床ＫＯＫＯ</t>
    <rPh sb="0" eb="1">
      <t>カミ</t>
    </rPh>
    <rPh sb="1" eb="2">
      <t>トコ</t>
    </rPh>
    <phoneticPr fontId="3"/>
  </si>
  <si>
    <t>0230</t>
  </si>
  <si>
    <t>ＭＥＮ’Ｓ　ＤＵＤＥ　ＢＡＲＢＥＲ　ＳＨＯＰ</t>
  </si>
  <si>
    <t>富山市雄山町１－１４</t>
    <rPh sb="0" eb="3">
      <t>トヤマシ</t>
    </rPh>
    <phoneticPr fontId="3"/>
  </si>
  <si>
    <t>Ｍｅｎ’ｓ　Ｈａｉｒ　Ｆｒｅｓｔａ</t>
  </si>
  <si>
    <t>富山市久方町８－４６</t>
    <rPh sb="0" eb="3">
      <t>トヤマシ</t>
    </rPh>
    <rPh sb="3" eb="5">
      <t>ヒサカタ</t>
    </rPh>
    <rPh sb="5" eb="6">
      <t>マチ</t>
    </rPh>
    <phoneticPr fontId="3"/>
  </si>
  <si>
    <t>0232</t>
  </si>
  <si>
    <t>株式会社　Ａｉｍ　Ｈｉｇｈ</t>
    <rPh sb="0" eb="2">
      <t>カブシキ</t>
    </rPh>
    <rPh sb="2" eb="4">
      <t>カイシャ</t>
    </rPh>
    <phoneticPr fontId="3"/>
  </si>
  <si>
    <t>164</t>
  </si>
  <si>
    <t>4292</t>
  </si>
  <si>
    <t>5220</t>
  </si>
  <si>
    <t>ヘアーアートサロン　ヨシムラ</t>
  </si>
  <si>
    <t>理容Cut-A</t>
  </si>
  <si>
    <t>さんぱつさろん太田</t>
  </si>
  <si>
    <t>東洋都市開発第２ビル２Ｆ</t>
  </si>
  <si>
    <t>富山市上赤江2-2-28</t>
  </si>
  <si>
    <t>ヘアーサロン山崎</t>
  </si>
  <si>
    <t>富山市婦中町速星702-3</t>
    <rPh sb="0" eb="3">
      <t>トヤマシ</t>
    </rPh>
    <rPh sb="3" eb="6">
      <t>フチュウマチ</t>
    </rPh>
    <rPh sb="6" eb="8">
      <t>ハヤホシ</t>
    </rPh>
    <phoneticPr fontId="3"/>
  </si>
  <si>
    <t>ANTI SELF CUT CLUB</t>
  </si>
  <si>
    <t>富山市東石金町13-14</t>
    <rPh sb="0" eb="3">
      <t>トヤマシ</t>
    </rPh>
    <rPh sb="3" eb="4">
      <t>ヒガシ</t>
    </rPh>
    <rPh sb="4" eb="5">
      <t>イシ</t>
    </rPh>
    <rPh sb="5" eb="7">
      <t>カネマチ</t>
    </rPh>
    <phoneticPr fontId="3"/>
  </si>
  <si>
    <t>富山市田刈屋86-12</t>
  </si>
  <si>
    <t>0236</t>
  </si>
  <si>
    <t>富山市婦中町広田5012</t>
    <rPh sb="0" eb="3">
      <t>トヤマシ</t>
    </rPh>
    <rPh sb="3" eb="6">
      <t>フチュウマチ</t>
    </rPh>
    <rPh sb="6" eb="8">
      <t>ヒロタ</t>
    </rPh>
    <phoneticPr fontId="3"/>
  </si>
  <si>
    <t>所在地</t>
    <phoneticPr fontId="3"/>
  </si>
  <si>
    <t>ビル名</t>
    <phoneticPr fontId="3"/>
  </si>
  <si>
    <t>確認番号</t>
    <phoneticPr fontId="3"/>
  </si>
  <si>
    <t>施設名</t>
    <rPh sb="0" eb="2">
      <t>シセツ</t>
    </rPh>
    <rPh sb="2" eb="3">
      <t>ナ</t>
    </rPh>
    <phoneticPr fontId="3"/>
  </si>
  <si>
    <t>営業者名</t>
    <rPh sb="0" eb="3">
      <t>エイギョウシャ</t>
    </rPh>
    <rPh sb="3" eb="4">
      <t>ナ</t>
    </rPh>
    <phoneticPr fontId="3"/>
  </si>
  <si>
    <t>営業者住所</t>
    <rPh sb="0" eb="3">
      <t>エイギョウシャ</t>
    </rPh>
    <rPh sb="3" eb="5">
      <t>ジュウショ</t>
    </rPh>
    <phoneticPr fontId="3"/>
  </si>
  <si>
    <t>開設日年月日</t>
    <rPh sb="0" eb="3">
      <t>カイセツビ</t>
    </rPh>
    <rPh sb="3" eb="4">
      <t>ネン</t>
    </rPh>
    <rPh sb="4" eb="6">
      <t>ツキヒ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5" x14ac:knownFonts="1">
    <font>
      <sz val="11"/>
      <color theme="1"/>
      <name val="ＭＳ Ｐゴシック"/>
      <family val="3"/>
      <scheme val="minor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  <scheme val="minor"/>
    </font>
    <font>
      <sz val="6"/>
      <name val="ＭＳ Ｐゴシック"/>
      <family val="3"/>
      <scheme val="minor"/>
    </font>
    <font>
      <sz val="11"/>
      <color theme="1"/>
      <name val="BIZ UDP明朝 Medium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3">
    <xf numFmtId="0" fontId="0" fillId="0" borderId="0"/>
    <xf numFmtId="0" fontId="1" fillId="0" borderId="0">
      <alignment vertical="center"/>
    </xf>
    <xf numFmtId="0" fontId="2" fillId="0" borderId="0">
      <alignment vertical="center"/>
    </xf>
  </cellStyleXfs>
  <cellXfs count="16">
    <xf numFmtId="0" fontId="0" fillId="0" borderId="0" xfId="0"/>
    <xf numFmtId="0" fontId="0" fillId="0" borderId="0" xfId="0" applyFill="1" applyAlignment="1">
      <alignment shrinkToFit="1"/>
    </xf>
    <xf numFmtId="176" fontId="0" fillId="0" borderId="0" xfId="0" applyNumberFormat="1" applyFill="1" applyAlignment="1">
      <alignment shrinkToFit="1"/>
    </xf>
    <xf numFmtId="49" fontId="0" fillId="0" borderId="0" xfId="0" applyNumberFormat="1" applyFill="1" applyAlignment="1">
      <alignment horizontal="right" shrinkToFit="1"/>
    </xf>
    <xf numFmtId="0" fontId="0" fillId="0" borderId="2" xfId="0" applyFill="1" applyBorder="1" applyAlignment="1">
      <alignment shrinkToFit="1"/>
    </xf>
    <xf numFmtId="0" fontId="4" fillId="0" borderId="1" xfId="0" applyFont="1" applyFill="1" applyBorder="1" applyAlignment="1">
      <alignment shrinkToFit="1"/>
    </xf>
    <xf numFmtId="176" fontId="4" fillId="0" borderId="1" xfId="0" applyNumberFormat="1" applyFont="1" applyFill="1" applyBorder="1" applyAlignment="1">
      <alignment shrinkToFit="1"/>
    </xf>
    <xf numFmtId="49" fontId="4" fillId="0" borderId="1" xfId="0" applyNumberFormat="1" applyFont="1" applyFill="1" applyBorder="1" applyAlignment="1">
      <alignment horizontal="right" shrinkToFit="1"/>
    </xf>
    <xf numFmtId="0" fontId="4" fillId="0" borderId="0" xfId="0" applyFont="1" applyFill="1" applyAlignment="1">
      <alignment shrinkToFit="1"/>
    </xf>
    <xf numFmtId="176" fontId="4" fillId="0" borderId="1" xfId="0" applyNumberFormat="1" applyFont="1" applyFill="1" applyBorder="1" applyAlignment="1" applyProtection="1">
      <alignment vertical="center" shrinkToFit="1"/>
    </xf>
    <xf numFmtId="0" fontId="4" fillId="0" borderId="0" xfId="0" applyFont="1" applyFill="1" applyBorder="1" applyAlignment="1">
      <alignment shrinkToFit="1"/>
    </xf>
    <xf numFmtId="57" fontId="4" fillId="0" borderId="3" xfId="0" applyNumberFormat="1" applyFont="1" applyFill="1" applyBorder="1" applyAlignment="1">
      <alignment horizontal="right" shrinkToFit="1"/>
    </xf>
    <xf numFmtId="176" fontId="4" fillId="0" borderId="0" xfId="0" applyNumberFormat="1" applyFont="1" applyFill="1" applyAlignment="1">
      <alignment shrinkToFit="1"/>
    </xf>
    <xf numFmtId="49" fontId="4" fillId="0" borderId="0" xfId="0" applyNumberFormat="1" applyFont="1" applyFill="1" applyAlignment="1">
      <alignment horizontal="right" shrinkToFit="1"/>
    </xf>
    <xf numFmtId="0" fontId="4" fillId="0" borderId="1" xfId="0" applyNumberFormat="1" applyFont="1" applyFill="1" applyBorder="1" applyAlignment="1">
      <alignment horizontal="right" shrinkToFit="1"/>
    </xf>
    <xf numFmtId="0" fontId="4" fillId="0" borderId="1" xfId="0" applyNumberFormat="1" applyFont="1" applyFill="1" applyBorder="1" applyAlignment="1">
      <alignment shrinkToFit="1"/>
    </xf>
  </cellXfs>
  <cellStyles count="3">
    <cellStyle name="標準" xfId="0" builtinId="0"/>
    <cellStyle name="標準 2" xfId="1" xr:uid="{00000000-0005-0000-0000-000001000000}"/>
    <cellStyle name="標準 3" xfId="2" xr:uid="{00000000-0005-0000-0000-000002000000}"/>
  </cellStyles>
  <dxfs count="0"/>
  <tableStyles count="0" defaultTableStyle="TableStyleMedium9" defaultPivotStyle="PivotStyleLight16"/>
  <colors>
    <mruColors>
      <color rgb="FF66FF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1232"/>
  <sheetViews>
    <sheetView tabSelected="1" zoomScale="136" zoomScaleNormal="136" workbookViewId="0">
      <pane xSplit="1" ySplit="1" topLeftCell="B162" activePane="bottomRight" state="frozen"/>
      <selection pane="topRight"/>
      <selection pane="bottomLeft"/>
      <selection pane="bottomRight" activeCell="D295" sqref="D295"/>
    </sheetView>
  </sheetViews>
  <sheetFormatPr defaultColWidth="8.86328125" defaultRowHeight="12.75" x14ac:dyDescent="0.25"/>
  <cols>
    <col min="1" max="1" width="20.59765625" style="1" customWidth="1"/>
    <col min="2" max="2" width="19.86328125" style="1" customWidth="1"/>
    <col min="3" max="3" width="15.265625" style="1" customWidth="1"/>
    <col min="4" max="4" width="15.86328125" style="1" customWidth="1"/>
    <col min="5" max="5" width="22.265625" style="1" customWidth="1"/>
    <col min="6" max="6" width="10.3984375" style="2" customWidth="1"/>
    <col min="7" max="7" width="6.265625" style="3" customWidth="1"/>
    <col min="8" max="16384" width="8.86328125" style="1"/>
  </cols>
  <sheetData>
    <row r="1" spans="1:8" x14ac:dyDescent="0.25">
      <c r="A1" s="5" t="s">
        <v>983</v>
      </c>
      <c r="B1" s="5" t="s">
        <v>980</v>
      </c>
      <c r="C1" s="5" t="s">
        <v>981</v>
      </c>
      <c r="D1" s="5" t="s">
        <v>984</v>
      </c>
      <c r="E1" s="5" t="s">
        <v>985</v>
      </c>
      <c r="F1" s="6" t="s">
        <v>986</v>
      </c>
      <c r="G1" s="7" t="s">
        <v>982</v>
      </c>
      <c r="H1" s="8"/>
    </row>
    <row r="2" spans="1:8" ht="13.5" customHeight="1" x14ac:dyDescent="0.25">
      <c r="A2" s="5" t="s">
        <v>393</v>
      </c>
      <c r="B2" s="5" t="s">
        <v>533</v>
      </c>
      <c r="C2" s="5"/>
      <c r="D2" s="5"/>
      <c r="E2" s="5"/>
      <c r="F2" s="9">
        <v>16812</v>
      </c>
      <c r="G2" s="14"/>
      <c r="H2" s="8"/>
    </row>
    <row r="3" spans="1:8" ht="13.5" customHeight="1" x14ac:dyDescent="0.25">
      <c r="A3" s="5" t="s">
        <v>85</v>
      </c>
      <c r="B3" s="5" t="s">
        <v>623</v>
      </c>
      <c r="C3" s="5"/>
      <c r="D3" s="5"/>
      <c r="E3" s="5"/>
      <c r="F3" s="9">
        <v>20309</v>
      </c>
      <c r="G3" s="14"/>
      <c r="H3" s="8"/>
    </row>
    <row r="4" spans="1:8" ht="13.5" customHeight="1" x14ac:dyDescent="0.25">
      <c r="A4" s="5" t="s">
        <v>335</v>
      </c>
      <c r="B4" s="5" t="s">
        <v>337</v>
      </c>
      <c r="C4" s="5"/>
      <c r="D4" s="5"/>
      <c r="E4" s="5"/>
      <c r="F4" s="9">
        <v>22185</v>
      </c>
      <c r="G4" s="14" t="s">
        <v>189</v>
      </c>
      <c r="H4" s="8"/>
    </row>
    <row r="5" spans="1:8" ht="13.5" customHeight="1" x14ac:dyDescent="0.25">
      <c r="A5" s="5" t="s">
        <v>167</v>
      </c>
      <c r="B5" s="5" t="s">
        <v>60</v>
      </c>
      <c r="C5" s="5"/>
      <c r="D5" s="5"/>
      <c r="E5" s="5"/>
      <c r="F5" s="9">
        <v>23201</v>
      </c>
      <c r="G5" s="14" t="s">
        <v>157</v>
      </c>
      <c r="H5" s="8"/>
    </row>
    <row r="6" spans="1:8" ht="13.5" customHeight="1" x14ac:dyDescent="0.25">
      <c r="A6" s="5" t="s">
        <v>653</v>
      </c>
      <c r="B6" s="5" t="s">
        <v>677</v>
      </c>
      <c r="C6" s="5"/>
      <c r="D6" s="5" t="s">
        <v>939</v>
      </c>
      <c r="E6" s="5" t="s">
        <v>597</v>
      </c>
      <c r="F6" s="9">
        <v>23292</v>
      </c>
      <c r="G6" s="14" t="s">
        <v>678</v>
      </c>
      <c r="H6" s="8"/>
    </row>
    <row r="7" spans="1:8" ht="13.5" customHeight="1" x14ac:dyDescent="0.25">
      <c r="A7" s="5" t="s">
        <v>108</v>
      </c>
      <c r="B7" s="5" t="s">
        <v>171</v>
      </c>
      <c r="C7" s="5"/>
      <c r="D7" s="5"/>
      <c r="E7" s="5"/>
      <c r="F7" s="9">
        <v>23494</v>
      </c>
      <c r="G7" s="14" t="s">
        <v>130</v>
      </c>
      <c r="H7" s="8"/>
    </row>
    <row r="8" spans="1:8" ht="13.5" customHeight="1" x14ac:dyDescent="0.25">
      <c r="A8" s="5" t="s">
        <v>607</v>
      </c>
      <c r="B8" s="5" t="s">
        <v>340</v>
      </c>
      <c r="C8" s="5"/>
      <c r="D8" s="5"/>
      <c r="E8" s="5"/>
      <c r="F8" s="9">
        <v>23519</v>
      </c>
      <c r="G8" s="14" t="s">
        <v>219</v>
      </c>
      <c r="H8" s="8"/>
    </row>
    <row r="9" spans="1:8" ht="13.5" customHeight="1" x14ac:dyDescent="0.25">
      <c r="A9" s="5" t="s">
        <v>497</v>
      </c>
      <c r="B9" s="5" t="s">
        <v>587</v>
      </c>
      <c r="C9" s="5"/>
      <c r="D9" s="5"/>
      <c r="E9" s="5"/>
      <c r="F9" s="9">
        <v>23855</v>
      </c>
      <c r="G9" s="14" t="s">
        <v>588</v>
      </c>
      <c r="H9" s="8"/>
    </row>
    <row r="10" spans="1:8" ht="13.5" customHeight="1" x14ac:dyDescent="0.25">
      <c r="A10" s="5" t="s">
        <v>248</v>
      </c>
      <c r="B10" s="5" t="s">
        <v>712</v>
      </c>
      <c r="C10" s="5"/>
      <c r="D10" s="5"/>
      <c r="E10" s="5"/>
      <c r="F10" s="9">
        <v>23875</v>
      </c>
      <c r="G10" s="14" t="s">
        <v>235</v>
      </c>
      <c r="H10" s="8"/>
    </row>
    <row r="11" spans="1:8" ht="13.5" customHeight="1" x14ac:dyDescent="0.25">
      <c r="A11" s="5" t="s">
        <v>154</v>
      </c>
      <c r="B11" s="5" t="s">
        <v>261</v>
      </c>
      <c r="C11" s="5"/>
      <c r="D11" s="5"/>
      <c r="E11" s="5"/>
      <c r="F11" s="9">
        <v>23940</v>
      </c>
      <c r="G11" s="14" t="s">
        <v>320</v>
      </c>
      <c r="H11" s="8"/>
    </row>
    <row r="12" spans="1:8" ht="13.5" customHeight="1" x14ac:dyDescent="0.25">
      <c r="A12" s="5" t="s">
        <v>735</v>
      </c>
      <c r="B12" s="5" t="s">
        <v>736</v>
      </c>
      <c r="C12" s="5"/>
      <c r="D12" s="5"/>
      <c r="E12" s="5"/>
      <c r="F12" s="9">
        <v>24054</v>
      </c>
      <c r="G12" s="14" t="s">
        <v>606</v>
      </c>
      <c r="H12" s="8"/>
    </row>
    <row r="13" spans="1:8" ht="13.5" customHeight="1" x14ac:dyDescent="0.25">
      <c r="A13" s="5" t="s">
        <v>621</v>
      </c>
      <c r="B13" s="5" t="s">
        <v>622</v>
      </c>
      <c r="C13" s="5"/>
      <c r="D13" s="5"/>
      <c r="E13" s="5"/>
      <c r="F13" s="9">
        <v>24237</v>
      </c>
      <c r="G13" s="14" t="s">
        <v>343</v>
      </c>
      <c r="H13" s="8"/>
    </row>
    <row r="14" spans="1:8" ht="13.5" customHeight="1" x14ac:dyDescent="0.25">
      <c r="A14" s="5" t="s">
        <v>755</v>
      </c>
      <c r="B14" s="5" t="s">
        <v>756</v>
      </c>
      <c r="C14" s="5"/>
      <c r="D14" s="5"/>
      <c r="E14" s="5"/>
      <c r="F14" s="9">
        <v>24329</v>
      </c>
      <c r="G14" s="14"/>
      <c r="H14" s="8"/>
    </row>
    <row r="15" spans="1:8" ht="13.5" customHeight="1" x14ac:dyDescent="0.25">
      <c r="A15" s="5" t="s">
        <v>50</v>
      </c>
      <c r="B15" s="5" t="s">
        <v>155</v>
      </c>
      <c r="C15" s="5"/>
      <c r="D15" s="5"/>
      <c r="E15" s="5"/>
      <c r="F15" s="9">
        <v>24556</v>
      </c>
      <c r="G15" s="14" t="s">
        <v>51</v>
      </c>
      <c r="H15" s="8"/>
    </row>
    <row r="16" spans="1:8" ht="13.5" customHeight="1" x14ac:dyDescent="0.25">
      <c r="A16" s="5" t="s">
        <v>7</v>
      </c>
      <c r="B16" s="5" t="s">
        <v>47</v>
      </c>
      <c r="C16" s="5"/>
      <c r="D16" s="5"/>
      <c r="E16" s="5"/>
      <c r="F16" s="9">
        <v>24764</v>
      </c>
      <c r="G16" s="14" t="s">
        <v>161</v>
      </c>
      <c r="H16" s="8"/>
    </row>
    <row r="17" spans="1:8" ht="13.5" customHeight="1" x14ac:dyDescent="0.25">
      <c r="A17" s="5" t="s">
        <v>581</v>
      </c>
      <c r="B17" s="5" t="s">
        <v>56</v>
      </c>
      <c r="C17" s="5"/>
      <c r="D17" s="5"/>
      <c r="E17" s="5"/>
      <c r="F17" s="9">
        <v>24950</v>
      </c>
      <c r="G17" s="14" t="s">
        <v>133</v>
      </c>
      <c r="H17" s="8"/>
    </row>
    <row r="18" spans="1:8" ht="13.5" customHeight="1" x14ac:dyDescent="0.25">
      <c r="A18" s="5" t="s">
        <v>384</v>
      </c>
      <c r="B18" s="5" t="s">
        <v>252</v>
      </c>
      <c r="C18" s="5"/>
      <c r="D18" s="5"/>
      <c r="E18" s="5"/>
      <c r="F18" s="9">
        <v>25597</v>
      </c>
      <c r="G18" s="14" t="s">
        <v>386</v>
      </c>
      <c r="H18" s="8"/>
    </row>
    <row r="19" spans="1:8" ht="13.5" customHeight="1" x14ac:dyDescent="0.25">
      <c r="A19" s="5" t="s">
        <v>633</v>
      </c>
      <c r="B19" s="5" t="s">
        <v>284</v>
      </c>
      <c r="C19" s="5"/>
      <c r="D19" s="5"/>
      <c r="E19" s="5"/>
      <c r="F19" s="9">
        <v>25720</v>
      </c>
      <c r="G19" s="14" t="s">
        <v>729</v>
      </c>
      <c r="H19" s="8"/>
    </row>
    <row r="20" spans="1:8" ht="13.5" customHeight="1" x14ac:dyDescent="0.25">
      <c r="A20" s="5" t="s">
        <v>53</v>
      </c>
      <c r="B20" s="5" t="s">
        <v>313</v>
      </c>
      <c r="C20" s="5"/>
      <c r="D20" s="5"/>
      <c r="E20" s="5"/>
      <c r="F20" s="9">
        <v>25759</v>
      </c>
      <c r="G20" s="14"/>
      <c r="H20" s="8"/>
    </row>
    <row r="21" spans="1:8" ht="13.5" customHeight="1" x14ac:dyDescent="0.25">
      <c r="A21" s="5" t="s">
        <v>255</v>
      </c>
      <c r="B21" s="5" t="s">
        <v>186</v>
      </c>
      <c r="C21" s="5"/>
      <c r="D21" s="5"/>
      <c r="E21" s="5"/>
      <c r="F21" s="9">
        <v>25765</v>
      </c>
      <c r="G21" s="14" t="s">
        <v>3</v>
      </c>
      <c r="H21" s="8"/>
    </row>
    <row r="22" spans="1:8" ht="13.5" customHeight="1" x14ac:dyDescent="0.25">
      <c r="A22" s="5" t="s">
        <v>602</v>
      </c>
      <c r="B22" s="5" t="s">
        <v>603</v>
      </c>
      <c r="C22" s="5"/>
      <c r="D22" s="5"/>
      <c r="E22" s="5"/>
      <c r="F22" s="9">
        <v>25872</v>
      </c>
      <c r="G22" s="14" t="s">
        <v>604</v>
      </c>
      <c r="H22" s="8"/>
    </row>
    <row r="23" spans="1:8" ht="13.5" customHeight="1" x14ac:dyDescent="0.25">
      <c r="A23" s="5" t="s">
        <v>317</v>
      </c>
      <c r="B23" s="5" t="s">
        <v>125</v>
      </c>
      <c r="C23" s="5"/>
      <c r="D23" s="5"/>
      <c r="E23" s="5"/>
      <c r="F23" s="9">
        <v>25884</v>
      </c>
      <c r="G23" s="14" t="s">
        <v>106</v>
      </c>
      <c r="H23" s="8"/>
    </row>
    <row r="24" spans="1:8" ht="13.5" customHeight="1" x14ac:dyDescent="0.25">
      <c r="A24" s="5" t="s">
        <v>446</v>
      </c>
      <c r="B24" s="5" t="s">
        <v>454</v>
      </c>
      <c r="C24" s="5"/>
      <c r="D24" s="5"/>
      <c r="E24" s="5"/>
      <c r="F24" s="9">
        <v>25968</v>
      </c>
      <c r="G24" s="14" t="s">
        <v>0</v>
      </c>
      <c r="H24" s="8"/>
    </row>
    <row r="25" spans="1:8" ht="13.5" customHeight="1" x14ac:dyDescent="0.25">
      <c r="A25" s="5" t="s">
        <v>717</v>
      </c>
      <c r="B25" s="5" t="s">
        <v>718</v>
      </c>
      <c r="C25" s="5"/>
      <c r="D25" s="5"/>
      <c r="E25" s="5"/>
      <c r="F25" s="9">
        <v>26141</v>
      </c>
      <c r="G25" s="14" t="s">
        <v>684</v>
      </c>
      <c r="H25" s="8"/>
    </row>
    <row r="26" spans="1:8" ht="13.5" customHeight="1" x14ac:dyDescent="0.25">
      <c r="A26" s="5" t="s">
        <v>266</v>
      </c>
      <c r="B26" s="5" t="s">
        <v>311</v>
      </c>
      <c r="C26" s="5"/>
      <c r="D26" s="5"/>
      <c r="E26" s="5"/>
      <c r="F26" s="9">
        <v>26155</v>
      </c>
      <c r="G26" s="14"/>
      <c r="H26" s="8"/>
    </row>
    <row r="27" spans="1:8" ht="13.5" customHeight="1" x14ac:dyDescent="0.25">
      <c r="A27" s="5" t="s">
        <v>659</v>
      </c>
      <c r="B27" s="5" t="s">
        <v>474</v>
      </c>
      <c r="C27" s="5"/>
      <c r="D27" s="5"/>
      <c r="E27" s="5"/>
      <c r="F27" s="9">
        <v>26187</v>
      </c>
      <c r="G27" s="14" t="s">
        <v>948</v>
      </c>
      <c r="H27" s="8"/>
    </row>
    <row r="28" spans="1:8" ht="13.5" customHeight="1" x14ac:dyDescent="0.25">
      <c r="A28" s="5" t="s">
        <v>694</v>
      </c>
      <c r="B28" s="5" t="s">
        <v>149</v>
      </c>
      <c r="C28" s="5"/>
      <c r="D28" s="5"/>
      <c r="E28" s="5"/>
      <c r="F28" s="9">
        <v>26451</v>
      </c>
      <c r="G28" s="14" t="s">
        <v>253</v>
      </c>
      <c r="H28" s="8"/>
    </row>
    <row r="29" spans="1:8" ht="13.5" customHeight="1" x14ac:dyDescent="0.25">
      <c r="A29" s="5" t="s">
        <v>646</v>
      </c>
      <c r="B29" s="5" t="s">
        <v>647</v>
      </c>
      <c r="C29" s="5"/>
      <c r="D29" s="5"/>
      <c r="E29" s="5"/>
      <c r="F29" s="9">
        <v>26471</v>
      </c>
      <c r="G29" s="14" t="s">
        <v>648</v>
      </c>
      <c r="H29" s="8"/>
    </row>
    <row r="30" spans="1:8" ht="13.5" customHeight="1" x14ac:dyDescent="0.25">
      <c r="A30" s="5" t="s">
        <v>467</v>
      </c>
      <c r="B30" s="5" t="s">
        <v>468</v>
      </c>
      <c r="C30" s="5"/>
      <c r="D30" s="5"/>
      <c r="E30" s="5"/>
      <c r="F30" s="9">
        <v>26597</v>
      </c>
      <c r="G30" s="14" t="s">
        <v>239</v>
      </c>
      <c r="H30" s="8"/>
    </row>
    <row r="31" spans="1:8" ht="13.5" customHeight="1" x14ac:dyDescent="0.25">
      <c r="A31" s="5" t="s">
        <v>629</v>
      </c>
      <c r="B31" s="5" t="s">
        <v>86</v>
      </c>
      <c r="C31" s="5"/>
      <c r="D31" s="5"/>
      <c r="E31" s="5"/>
      <c r="F31" s="9">
        <v>26705</v>
      </c>
      <c r="G31" s="14" t="s">
        <v>630</v>
      </c>
      <c r="H31" s="8"/>
    </row>
    <row r="32" spans="1:8" ht="13.5" customHeight="1" x14ac:dyDescent="0.25">
      <c r="A32" s="5" t="s">
        <v>9</v>
      </c>
      <c r="B32" s="5" t="s">
        <v>310</v>
      </c>
      <c r="C32" s="5"/>
      <c r="D32" s="5"/>
      <c r="E32" s="5"/>
      <c r="F32" s="9">
        <v>26708</v>
      </c>
      <c r="G32" s="14"/>
      <c r="H32" s="8"/>
    </row>
    <row r="33" spans="1:8" ht="13.5" customHeight="1" x14ac:dyDescent="0.25">
      <c r="A33" s="5" t="s">
        <v>687</v>
      </c>
      <c r="B33" s="5" t="s">
        <v>300</v>
      </c>
      <c r="C33" s="5"/>
      <c r="D33" s="5"/>
      <c r="E33" s="5"/>
      <c r="F33" s="9">
        <v>26794</v>
      </c>
      <c r="G33" s="14" t="s">
        <v>79</v>
      </c>
      <c r="H33" s="8"/>
    </row>
    <row r="34" spans="1:8" ht="13.5" customHeight="1" x14ac:dyDescent="0.25">
      <c r="A34" s="5" t="s">
        <v>615</v>
      </c>
      <c r="B34" s="5" t="s">
        <v>616</v>
      </c>
      <c r="C34" s="5"/>
      <c r="D34" s="5"/>
      <c r="E34" s="5"/>
      <c r="F34" s="9">
        <v>26883</v>
      </c>
      <c r="G34" s="14" t="s">
        <v>617</v>
      </c>
      <c r="H34" s="8"/>
    </row>
    <row r="35" spans="1:8" ht="13.5" customHeight="1" x14ac:dyDescent="0.25">
      <c r="A35" s="5" t="s">
        <v>732</v>
      </c>
      <c r="B35" s="5" t="s">
        <v>479</v>
      </c>
      <c r="C35" s="5"/>
      <c r="D35" s="5"/>
      <c r="E35" s="5"/>
      <c r="F35" s="9">
        <v>26910</v>
      </c>
      <c r="G35" s="14" t="s">
        <v>726</v>
      </c>
      <c r="H35" s="8"/>
    </row>
    <row r="36" spans="1:8" ht="13.5" customHeight="1" x14ac:dyDescent="0.25">
      <c r="A36" s="5" t="s">
        <v>608</v>
      </c>
      <c r="B36" s="5" t="s">
        <v>287</v>
      </c>
      <c r="C36" s="5"/>
      <c r="D36" s="5"/>
      <c r="E36" s="5"/>
      <c r="F36" s="9">
        <v>27097</v>
      </c>
      <c r="G36" s="14"/>
      <c r="H36" s="8"/>
    </row>
    <row r="37" spans="1:8" ht="13.5" customHeight="1" x14ac:dyDescent="0.25">
      <c r="A37" s="5" t="s">
        <v>752</v>
      </c>
      <c r="B37" s="5" t="s">
        <v>753</v>
      </c>
      <c r="C37" s="5"/>
      <c r="D37" s="5"/>
      <c r="E37" s="5"/>
      <c r="F37" s="9">
        <v>27135</v>
      </c>
      <c r="G37" s="14"/>
      <c r="H37" s="8"/>
    </row>
    <row r="38" spans="1:8" ht="13.5" customHeight="1" x14ac:dyDescent="0.25">
      <c r="A38" s="5" t="s">
        <v>13</v>
      </c>
      <c r="B38" s="5" t="s">
        <v>203</v>
      </c>
      <c r="C38" s="5"/>
      <c r="D38" s="5"/>
      <c r="E38" s="5"/>
      <c r="F38" s="9">
        <v>27138</v>
      </c>
      <c r="G38" s="14" t="s">
        <v>187</v>
      </c>
      <c r="H38" s="8"/>
    </row>
    <row r="39" spans="1:8" ht="13.5" customHeight="1" x14ac:dyDescent="0.25">
      <c r="A39" s="5" t="s">
        <v>727</v>
      </c>
      <c r="B39" s="5" t="s">
        <v>139</v>
      </c>
      <c r="C39" s="5"/>
      <c r="D39" s="5"/>
      <c r="E39" s="5"/>
      <c r="F39" s="9">
        <v>27219</v>
      </c>
      <c r="G39" s="14"/>
      <c r="H39" s="8"/>
    </row>
    <row r="40" spans="1:8" ht="13.5" customHeight="1" x14ac:dyDescent="0.25">
      <c r="A40" s="5" t="s">
        <v>613</v>
      </c>
      <c r="B40" s="5" t="s">
        <v>693</v>
      </c>
      <c r="C40" s="5"/>
      <c r="D40" s="5"/>
      <c r="E40" s="5"/>
      <c r="F40" s="9">
        <v>27254</v>
      </c>
      <c r="G40" s="14" t="s">
        <v>101</v>
      </c>
      <c r="H40" s="8"/>
    </row>
    <row r="41" spans="1:8" ht="13.5" customHeight="1" x14ac:dyDescent="0.25">
      <c r="A41" s="5" t="s">
        <v>116</v>
      </c>
      <c r="B41" s="5" t="s">
        <v>308</v>
      </c>
      <c r="C41" s="5"/>
      <c r="D41" s="5"/>
      <c r="E41" s="5"/>
      <c r="F41" s="9">
        <v>27276</v>
      </c>
      <c r="G41" s="14" t="s">
        <v>966</v>
      </c>
      <c r="H41" s="8"/>
    </row>
    <row r="42" spans="1:8" ht="13.5" customHeight="1" x14ac:dyDescent="0.25">
      <c r="A42" s="5" t="s">
        <v>505</v>
      </c>
      <c r="B42" s="5" t="s">
        <v>506</v>
      </c>
      <c r="C42" s="5"/>
      <c r="D42" s="5"/>
      <c r="E42" s="5"/>
      <c r="F42" s="9">
        <v>27289</v>
      </c>
      <c r="G42" s="14" t="s">
        <v>508</v>
      </c>
      <c r="H42" s="8"/>
    </row>
    <row r="43" spans="1:8" ht="13.5" customHeight="1" x14ac:dyDescent="0.25">
      <c r="A43" s="5" t="s">
        <v>635</v>
      </c>
      <c r="B43" s="5" t="s">
        <v>518</v>
      </c>
      <c r="C43" s="5"/>
      <c r="D43" s="5"/>
      <c r="E43" s="5"/>
      <c r="F43" s="9">
        <v>27353</v>
      </c>
      <c r="G43" s="14" t="s">
        <v>967</v>
      </c>
      <c r="H43" s="8"/>
    </row>
    <row r="44" spans="1:8" ht="13.5" customHeight="1" x14ac:dyDescent="0.25">
      <c r="A44" s="5" t="s">
        <v>214</v>
      </c>
      <c r="B44" s="5" t="s">
        <v>2</v>
      </c>
      <c r="C44" s="5"/>
      <c r="D44" s="5"/>
      <c r="E44" s="5"/>
      <c r="F44" s="9">
        <v>27390</v>
      </c>
      <c r="G44" s="14" t="s">
        <v>725</v>
      </c>
      <c r="H44" s="8"/>
    </row>
    <row r="45" spans="1:8" ht="13.5" customHeight="1" x14ac:dyDescent="0.25">
      <c r="A45" s="5" t="s">
        <v>168</v>
      </c>
      <c r="B45" s="5" t="s">
        <v>406</v>
      </c>
      <c r="C45" s="5"/>
      <c r="D45" s="5"/>
      <c r="E45" s="5"/>
      <c r="F45" s="9">
        <v>27453</v>
      </c>
      <c r="G45" s="14" t="s">
        <v>136</v>
      </c>
      <c r="H45" s="8"/>
    </row>
    <row r="46" spans="1:8" ht="13.5" customHeight="1" x14ac:dyDescent="0.25">
      <c r="A46" s="5" t="s">
        <v>580</v>
      </c>
      <c r="B46" s="5" t="s">
        <v>605</v>
      </c>
      <c r="C46" s="5"/>
      <c r="D46" s="5"/>
      <c r="E46" s="5"/>
      <c r="F46" s="9">
        <v>27669</v>
      </c>
      <c r="G46" s="14"/>
      <c r="H46" s="8"/>
    </row>
    <row r="47" spans="1:8" ht="13.5" customHeight="1" x14ac:dyDescent="0.25">
      <c r="A47" s="5" t="s">
        <v>671</v>
      </c>
      <c r="B47" s="5" t="s">
        <v>138</v>
      </c>
      <c r="C47" s="5"/>
      <c r="D47" s="5"/>
      <c r="E47" s="5"/>
      <c r="F47" s="9">
        <v>27751</v>
      </c>
      <c r="G47" s="14"/>
      <c r="H47" s="8"/>
    </row>
    <row r="48" spans="1:8" ht="13.5" customHeight="1" x14ac:dyDescent="0.25">
      <c r="A48" s="5" t="s">
        <v>137</v>
      </c>
      <c r="B48" s="5" t="s">
        <v>432</v>
      </c>
      <c r="C48" s="5"/>
      <c r="D48" s="5"/>
      <c r="E48" s="5"/>
      <c r="F48" s="9">
        <v>27898</v>
      </c>
      <c r="G48" s="14"/>
      <c r="H48" s="8"/>
    </row>
    <row r="49" spans="1:8" ht="13.5" customHeight="1" x14ac:dyDescent="0.25">
      <c r="A49" s="5" t="s">
        <v>170</v>
      </c>
      <c r="B49" s="5" t="s">
        <v>458</v>
      </c>
      <c r="C49" s="5"/>
      <c r="D49" s="5"/>
      <c r="E49" s="5"/>
      <c r="F49" s="9">
        <v>27898</v>
      </c>
      <c r="G49" s="14"/>
      <c r="H49" s="8"/>
    </row>
    <row r="50" spans="1:8" ht="13.5" customHeight="1" x14ac:dyDescent="0.25">
      <c r="A50" s="5" t="s">
        <v>304</v>
      </c>
      <c r="B50" s="5" t="s">
        <v>307</v>
      </c>
      <c r="C50" s="5"/>
      <c r="D50" s="5"/>
      <c r="E50" s="5"/>
      <c r="F50" s="9">
        <v>27912</v>
      </c>
      <c r="G50" s="14"/>
      <c r="H50" s="8"/>
    </row>
    <row r="51" spans="1:8" ht="13.5" customHeight="1" x14ac:dyDescent="0.25">
      <c r="A51" s="5" t="s">
        <v>283</v>
      </c>
      <c r="B51" s="5" t="s">
        <v>10</v>
      </c>
      <c r="C51" s="5"/>
      <c r="D51" s="5"/>
      <c r="E51" s="5"/>
      <c r="F51" s="9">
        <v>27944</v>
      </c>
      <c r="G51" s="14"/>
      <c r="H51" s="8"/>
    </row>
    <row r="52" spans="1:8" ht="13.5" customHeight="1" x14ac:dyDescent="0.25">
      <c r="A52" s="5" t="s">
        <v>213</v>
      </c>
      <c r="B52" s="5" t="s">
        <v>303</v>
      </c>
      <c r="C52" s="5"/>
      <c r="D52" s="5"/>
      <c r="E52" s="5"/>
      <c r="F52" s="9">
        <v>27946</v>
      </c>
      <c r="G52" s="14"/>
      <c r="H52" s="8"/>
    </row>
    <row r="53" spans="1:8" ht="13.5" customHeight="1" x14ac:dyDescent="0.25">
      <c r="A53" s="5" t="s">
        <v>503</v>
      </c>
      <c r="B53" s="5" t="s">
        <v>183</v>
      </c>
      <c r="C53" s="5"/>
      <c r="D53" s="5"/>
      <c r="E53" s="5"/>
      <c r="F53" s="9">
        <v>27954</v>
      </c>
      <c r="G53" s="14"/>
      <c r="H53" s="8"/>
    </row>
    <row r="54" spans="1:8" ht="13.5" customHeight="1" x14ac:dyDescent="0.25">
      <c r="A54" s="5" t="s">
        <v>270</v>
      </c>
      <c r="B54" s="5" t="s">
        <v>34</v>
      </c>
      <c r="C54" s="5"/>
      <c r="D54" s="5"/>
      <c r="E54" s="5"/>
      <c r="F54" s="9">
        <v>27975</v>
      </c>
      <c r="G54" s="14"/>
      <c r="H54" s="8"/>
    </row>
    <row r="55" spans="1:8" ht="13.5" customHeight="1" x14ac:dyDescent="0.25">
      <c r="A55" s="5" t="s">
        <v>339</v>
      </c>
      <c r="B55" s="5" t="s">
        <v>695</v>
      </c>
      <c r="C55" s="5"/>
      <c r="D55" s="5"/>
      <c r="E55" s="5"/>
      <c r="F55" s="9">
        <v>27984</v>
      </c>
      <c r="G55" s="14"/>
      <c r="H55" s="8"/>
    </row>
    <row r="56" spans="1:8" ht="13.5" customHeight="1" x14ac:dyDescent="0.25">
      <c r="A56" s="5" t="s">
        <v>638</v>
      </c>
      <c r="B56" s="5" t="s">
        <v>256</v>
      </c>
      <c r="C56" s="5"/>
      <c r="D56" s="5"/>
      <c r="E56" s="5"/>
      <c r="F56" s="9">
        <v>28005</v>
      </c>
      <c r="G56" s="14"/>
      <c r="H56" s="8"/>
    </row>
    <row r="57" spans="1:8" ht="13.5" customHeight="1" x14ac:dyDescent="0.25">
      <c r="A57" s="5" t="s">
        <v>302</v>
      </c>
      <c r="B57" s="5" t="s">
        <v>200</v>
      </c>
      <c r="C57" s="5"/>
      <c r="D57" s="5"/>
      <c r="E57" s="5"/>
      <c r="F57" s="9">
        <v>28115</v>
      </c>
      <c r="G57" s="14" t="s">
        <v>72</v>
      </c>
      <c r="H57" s="8"/>
    </row>
    <row r="58" spans="1:8" ht="13.5" customHeight="1" x14ac:dyDescent="0.25">
      <c r="A58" s="5" t="s">
        <v>373</v>
      </c>
      <c r="B58" s="5" t="s">
        <v>374</v>
      </c>
      <c r="C58" s="5"/>
      <c r="D58" s="5"/>
      <c r="E58" s="5"/>
      <c r="F58" s="9">
        <v>28151</v>
      </c>
      <c r="G58" s="14" t="s">
        <v>965</v>
      </c>
      <c r="H58" s="8"/>
    </row>
    <row r="59" spans="1:8" ht="13.5" customHeight="1" x14ac:dyDescent="0.25">
      <c r="A59" s="5" t="s">
        <v>661</v>
      </c>
      <c r="B59" s="5" t="s">
        <v>448</v>
      </c>
      <c r="C59" s="5"/>
      <c r="D59" s="5"/>
      <c r="E59" s="5"/>
      <c r="F59" s="9">
        <v>28163</v>
      </c>
      <c r="G59" s="14"/>
      <c r="H59" s="8"/>
    </row>
    <row r="60" spans="1:8" ht="13.5" customHeight="1" x14ac:dyDescent="0.25">
      <c r="A60" s="5" t="s">
        <v>204</v>
      </c>
      <c r="B60" s="5" t="s">
        <v>299</v>
      </c>
      <c r="C60" s="5"/>
      <c r="D60" s="5"/>
      <c r="E60" s="5"/>
      <c r="F60" s="9">
        <v>28212</v>
      </c>
      <c r="G60" s="14"/>
      <c r="H60" s="8"/>
    </row>
    <row r="61" spans="1:8" ht="13.5" customHeight="1" x14ac:dyDescent="0.25">
      <c r="A61" s="5" t="s">
        <v>207</v>
      </c>
      <c r="B61" s="5" t="s">
        <v>40</v>
      </c>
      <c r="C61" s="5"/>
      <c r="D61" s="5"/>
      <c r="E61" s="5"/>
      <c r="F61" s="9">
        <v>28265</v>
      </c>
      <c r="G61" s="14"/>
      <c r="H61" s="8"/>
    </row>
    <row r="62" spans="1:8" ht="13.5" customHeight="1" x14ac:dyDescent="0.25">
      <c r="A62" s="5" t="s">
        <v>542</v>
      </c>
      <c r="B62" s="5" t="s">
        <v>543</v>
      </c>
      <c r="C62" s="5"/>
      <c r="D62" s="5"/>
      <c r="E62" s="5"/>
      <c r="F62" s="9">
        <v>28305</v>
      </c>
      <c r="G62" s="14"/>
      <c r="H62" s="8"/>
    </row>
    <row r="63" spans="1:8" ht="13.5" customHeight="1" x14ac:dyDescent="0.25">
      <c r="A63" s="5" t="s">
        <v>206</v>
      </c>
      <c r="B63" s="5" t="s">
        <v>191</v>
      </c>
      <c r="C63" s="5"/>
      <c r="D63" s="5"/>
      <c r="E63" s="5"/>
      <c r="F63" s="9">
        <v>28312</v>
      </c>
      <c r="G63" s="14"/>
      <c r="H63" s="8"/>
    </row>
    <row r="64" spans="1:8" ht="13.5" customHeight="1" x14ac:dyDescent="0.25">
      <c r="A64" s="5" t="s">
        <v>368</v>
      </c>
      <c r="B64" s="5" t="s">
        <v>703</v>
      </c>
      <c r="C64" s="5"/>
      <c r="D64" s="5"/>
      <c r="E64" s="5"/>
      <c r="F64" s="9">
        <v>28339</v>
      </c>
      <c r="G64" s="14"/>
      <c r="H64" s="8"/>
    </row>
    <row r="65" spans="1:8" ht="13.5" customHeight="1" x14ac:dyDescent="0.25">
      <c r="A65" s="5" t="s">
        <v>765</v>
      </c>
      <c r="B65" s="5" t="s">
        <v>751</v>
      </c>
      <c r="C65" s="5"/>
      <c r="D65" s="5"/>
      <c r="E65" s="5"/>
      <c r="F65" s="9">
        <v>28444</v>
      </c>
      <c r="G65" s="14"/>
      <c r="H65" s="8"/>
    </row>
    <row r="66" spans="1:8" ht="13.5" customHeight="1" x14ac:dyDescent="0.25">
      <c r="A66" s="5" t="s">
        <v>329</v>
      </c>
      <c r="B66" s="5" t="s">
        <v>572</v>
      </c>
      <c r="C66" s="5"/>
      <c r="D66" s="5"/>
      <c r="E66" s="5"/>
      <c r="F66" s="9">
        <v>28486</v>
      </c>
      <c r="G66" s="14"/>
      <c r="H66" s="8"/>
    </row>
    <row r="67" spans="1:8" ht="13.5" customHeight="1" x14ac:dyDescent="0.25">
      <c r="A67" s="5" t="s">
        <v>544</v>
      </c>
      <c r="B67" s="5" t="s">
        <v>705</v>
      </c>
      <c r="C67" s="5"/>
      <c r="D67" s="5"/>
      <c r="E67" s="5"/>
      <c r="F67" s="9">
        <v>28486</v>
      </c>
      <c r="G67" s="14"/>
      <c r="H67" s="8"/>
    </row>
    <row r="68" spans="1:8" ht="13.5" customHeight="1" x14ac:dyDescent="0.25">
      <c r="A68" s="5" t="s">
        <v>704</v>
      </c>
      <c r="B68" s="5" t="s">
        <v>568</v>
      </c>
      <c r="C68" s="5"/>
      <c r="D68" s="5"/>
      <c r="E68" s="5"/>
      <c r="F68" s="9">
        <v>28538</v>
      </c>
      <c r="G68" s="14"/>
      <c r="H68" s="8"/>
    </row>
    <row r="69" spans="1:8" ht="13.5" customHeight="1" x14ac:dyDescent="0.25">
      <c r="A69" s="5" t="s">
        <v>455</v>
      </c>
      <c r="B69" s="5" t="s">
        <v>346</v>
      </c>
      <c r="C69" s="5"/>
      <c r="D69" s="5"/>
      <c r="E69" s="5"/>
      <c r="F69" s="9">
        <v>28588</v>
      </c>
      <c r="G69" s="14"/>
      <c r="H69" s="8"/>
    </row>
    <row r="70" spans="1:8" ht="13.5" customHeight="1" x14ac:dyDescent="0.25">
      <c r="A70" s="5" t="s">
        <v>594</v>
      </c>
      <c r="B70" s="5" t="s">
        <v>383</v>
      </c>
      <c r="C70" s="5"/>
      <c r="D70" s="5"/>
      <c r="E70" s="5"/>
      <c r="F70" s="9">
        <v>28621</v>
      </c>
      <c r="G70" s="14"/>
      <c r="H70" s="8"/>
    </row>
    <row r="71" spans="1:8" ht="13.5" customHeight="1" x14ac:dyDescent="0.25">
      <c r="A71" s="5" t="s">
        <v>381</v>
      </c>
      <c r="B71" s="5" t="s">
        <v>382</v>
      </c>
      <c r="C71" s="5"/>
      <c r="D71" s="5"/>
      <c r="E71" s="5"/>
      <c r="F71" s="9">
        <v>28647</v>
      </c>
      <c r="G71" s="14"/>
      <c r="H71" s="8"/>
    </row>
    <row r="72" spans="1:8" ht="13.5" customHeight="1" x14ac:dyDescent="0.25">
      <c r="A72" s="5" t="s">
        <v>107</v>
      </c>
      <c r="B72" s="5" t="s">
        <v>359</v>
      </c>
      <c r="C72" s="5"/>
      <c r="D72" s="5"/>
      <c r="E72" s="5"/>
      <c r="F72" s="9">
        <v>28689</v>
      </c>
      <c r="G72" s="14"/>
      <c r="H72" s="8"/>
    </row>
    <row r="73" spans="1:8" ht="13.5" customHeight="1" x14ac:dyDescent="0.25">
      <c r="A73" s="5" t="s">
        <v>709</v>
      </c>
      <c r="B73" s="5" t="s">
        <v>710</v>
      </c>
      <c r="C73" s="5"/>
      <c r="D73" s="5"/>
      <c r="E73" s="5"/>
      <c r="F73" s="9">
        <v>28689</v>
      </c>
      <c r="G73" s="14"/>
      <c r="H73" s="8"/>
    </row>
    <row r="74" spans="1:8" ht="13.5" customHeight="1" x14ac:dyDescent="0.25">
      <c r="A74" s="5" t="s">
        <v>132</v>
      </c>
      <c r="B74" s="5" t="s">
        <v>134</v>
      </c>
      <c r="C74" s="5"/>
      <c r="D74" s="5"/>
      <c r="E74" s="5"/>
      <c r="F74" s="9">
        <v>28699</v>
      </c>
      <c r="G74" s="14"/>
      <c r="H74" s="8"/>
    </row>
    <row r="75" spans="1:8" ht="13.5" customHeight="1" x14ac:dyDescent="0.25">
      <c r="A75" s="5" t="s">
        <v>209</v>
      </c>
      <c r="B75" s="5" t="s">
        <v>301</v>
      </c>
      <c r="C75" s="5"/>
      <c r="D75" s="5"/>
      <c r="E75" s="5"/>
      <c r="F75" s="9">
        <v>28706</v>
      </c>
      <c r="G75" s="14"/>
      <c r="H75" s="8"/>
    </row>
    <row r="76" spans="1:8" ht="13.5" customHeight="1" x14ac:dyDescent="0.25">
      <c r="A76" s="5" t="s">
        <v>697</v>
      </c>
      <c r="B76" s="5" t="s">
        <v>682</v>
      </c>
      <c r="C76" s="5"/>
      <c r="D76" s="5"/>
      <c r="E76" s="5"/>
      <c r="F76" s="9">
        <v>28710</v>
      </c>
      <c r="G76" s="14"/>
      <c r="H76" s="8"/>
    </row>
    <row r="77" spans="1:8" ht="13.5" customHeight="1" x14ac:dyDescent="0.25">
      <c r="A77" s="5" t="s">
        <v>541</v>
      </c>
      <c r="B77" s="5" t="s">
        <v>114</v>
      </c>
      <c r="C77" s="5"/>
      <c r="D77" s="5"/>
      <c r="E77" s="5"/>
      <c r="F77" s="9">
        <v>28814</v>
      </c>
      <c r="G77" s="14"/>
      <c r="H77" s="8"/>
    </row>
    <row r="78" spans="1:8" ht="13.5" customHeight="1" x14ac:dyDescent="0.25">
      <c r="A78" s="5" t="s">
        <v>280</v>
      </c>
      <c r="B78" s="5" t="s">
        <v>8</v>
      </c>
      <c r="C78" s="5"/>
      <c r="D78" s="5"/>
      <c r="E78" s="5"/>
      <c r="F78" s="9">
        <v>28840</v>
      </c>
      <c r="G78" s="14"/>
      <c r="H78" s="8"/>
    </row>
    <row r="79" spans="1:8" ht="13.5" customHeight="1" x14ac:dyDescent="0.25">
      <c r="A79" s="5" t="s">
        <v>137</v>
      </c>
      <c r="B79" s="5" t="s">
        <v>348</v>
      </c>
      <c r="C79" s="5"/>
      <c r="D79" s="5"/>
      <c r="E79" s="5"/>
      <c r="F79" s="9">
        <v>28844</v>
      </c>
      <c r="G79" s="14"/>
      <c r="H79" s="8"/>
    </row>
    <row r="80" spans="1:8" ht="13.5" customHeight="1" x14ac:dyDescent="0.25">
      <c r="A80" s="5" t="s">
        <v>707</v>
      </c>
      <c r="B80" s="5" t="s">
        <v>708</v>
      </c>
      <c r="C80" s="5"/>
      <c r="D80" s="5"/>
      <c r="E80" s="5"/>
      <c r="F80" s="9">
        <v>28905</v>
      </c>
      <c r="G80" s="14"/>
      <c r="H80" s="8"/>
    </row>
    <row r="81" spans="1:8" ht="13.5" customHeight="1" x14ac:dyDescent="0.25">
      <c r="A81" s="5" t="s">
        <v>430</v>
      </c>
      <c r="B81" s="5" t="s">
        <v>972</v>
      </c>
      <c r="C81" s="5"/>
      <c r="D81" s="5"/>
      <c r="E81" s="5"/>
      <c r="F81" s="9">
        <v>28951</v>
      </c>
      <c r="G81" s="14"/>
      <c r="H81" s="8"/>
    </row>
    <row r="82" spans="1:8" ht="13.5" customHeight="1" x14ac:dyDescent="0.25">
      <c r="A82" s="5" t="s">
        <v>223</v>
      </c>
      <c r="B82" s="5" t="s">
        <v>224</v>
      </c>
      <c r="C82" s="5"/>
      <c r="D82" s="5"/>
      <c r="E82" s="5"/>
      <c r="F82" s="9">
        <v>28955</v>
      </c>
      <c r="G82" s="14"/>
      <c r="H82" s="8"/>
    </row>
    <row r="83" spans="1:8" ht="13.5" customHeight="1" x14ac:dyDescent="0.25">
      <c r="A83" s="5" t="s">
        <v>354</v>
      </c>
      <c r="B83" s="5" t="s">
        <v>355</v>
      </c>
      <c r="C83" s="5"/>
      <c r="D83" s="5"/>
      <c r="E83" s="5"/>
      <c r="F83" s="9">
        <v>29003</v>
      </c>
      <c r="G83" s="14"/>
      <c r="H83" s="8"/>
    </row>
    <row r="84" spans="1:8" ht="13.5" customHeight="1" x14ac:dyDescent="0.25">
      <c r="A84" s="5" t="s">
        <v>297</v>
      </c>
      <c r="B84" s="5" t="s">
        <v>128</v>
      </c>
      <c r="C84" s="5"/>
      <c r="D84" s="5"/>
      <c r="E84" s="5"/>
      <c r="F84" s="9">
        <v>29052</v>
      </c>
      <c r="G84" s="14"/>
      <c r="H84" s="8"/>
    </row>
    <row r="85" spans="1:8" ht="13.5" customHeight="1" x14ac:dyDescent="0.25">
      <c r="A85" s="5" t="s">
        <v>481</v>
      </c>
      <c r="B85" s="5" t="s">
        <v>236</v>
      </c>
      <c r="C85" s="5"/>
      <c r="D85" s="5"/>
      <c r="E85" s="5"/>
      <c r="F85" s="9">
        <v>29077</v>
      </c>
      <c r="G85" s="14"/>
      <c r="H85" s="8"/>
    </row>
    <row r="86" spans="1:8" ht="13.5" customHeight="1" x14ac:dyDescent="0.25">
      <c r="A86" s="5" t="s">
        <v>153</v>
      </c>
      <c r="B86" s="5" t="s">
        <v>429</v>
      </c>
      <c r="C86" s="5"/>
      <c r="D86" s="5"/>
      <c r="E86" s="5"/>
      <c r="F86" s="9">
        <v>29203</v>
      </c>
      <c r="G86" s="14"/>
      <c r="H86" s="8"/>
    </row>
    <row r="87" spans="1:8" ht="13.5" customHeight="1" x14ac:dyDescent="0.25">
      <c r="A87" s="5" t="s">
        <v>464</v>
      </c>
      <c r="B87" s="5" t="s">
        <v>660</v>
      </c>
      <c r="C87" s="5"/>
      <c r="D87" s="5"/>
      <c r="E87" s="5"/>
      <c r="F87" s="9">
        <v>29259</v>
      </c>
      <c r="G87" s="14"/>
      <c r="H87" s="8"/>
    </row>
    <row r="88" spans="1:8" ht="13.5" customHeight="1" x14ac:dyDescent="0.25">
      <c r="A88" s="5" t="s">
        <v>309</v>
      </c>
      <c r="B88" s="5" t="s">
        <v>545</v>
      </c>
      <c r="C88" s="5"/>
      <c r="D88" s="5"/>
      <c r="E88" s="5"/>
      <c r="F88" s="9">
        <v>29342</v>
      </c>
      <c r="G88" s="14"/>
      <c r="H88" s="8"/>
    </row>
    <row r="89" spans="1:8" ht="13.5" customHeight="1" x14ac:dyDescent="0.25">
      <c r="A89" s="5" t="s">
        <v>624</v>
      </c>
      <c r="B89" s="5" t="s">
        <v>626</v>
      </c>
      <c r="C89" s="5"/>
      <c r="D89" s="5"/>
      <c r="E89" s="5"/>
      <c r="F89" s="9">
        <v>29377</v>
      </c>
      <c r="G89" s="14"/>
      <c r="H89" s="8"/>
    </row>
    <row r="90" spans="1:8" ht="13.5" customHeight="1" x14ac:dyDescent="0.25">
      <c r="A90" s="5" t="s">
        <v>514</v>
      </c>
      <c r="B90" s="5" t="s">
        <v>515</v>
      </c>
      <c r="C90" s="5"/>
      <c r="D90" s="5"/>
      <c r="E90" s="5"/>
      <c r="F90" s="9">
        <v>29387</v>
      </c>
      <c r="G90" s="14"/>
      <c r="H90" s="8"/>
    </row>
    <row r="91" spans="1:8" ht="13.5" customHeight="1" x14ac:dyDescent="0.25">
      <c r="A91" s="5" t="s">
        <v>222</v>
      </c>
      <c r="B91" s="5" t="s">
        <v>279</v>
      </c>
      <c r="C91" s="5"/>
      <c r="D91" s="5"/>
      <c r="E91" s="5"/>
      <c r="F91" s="9">
        <v>29389</v>
      </c>
      <c r="G91" s="14"/>
      <c r="H91" s="8"/>
    </row>
    <row r="92" spans="1:8" ht="13.5" customHeight="1" x14ac:dyDescent="0.25">
      <c r="A92" s="5" t="s">
        <v>519</v>
      </c>
      <c r="B92" s="5" t="s">
        <v>321</v>
      </c>
      <c r="C92" s="5"/>
      <c r="D92" s="5"/>
      <c r="E92" s="5"/>
      <c r="F92" s="9">
        <v>29423</v>
      </c>
      <c r="G92" s="14"/>
      <c r="H92" s="8"/>
    </row>
    <row r="93" spans="1:8" ht="13.5" customHeight="1" x14ac:dyDescent="0.25">
      <c r="A93" s="5" t="s">
        <v>584</v>
      </c>
      <c r="B93" s="5" t="s">
        <v>579</v>
      </c>
      <c r="C93" s="5"/>
      <c r="D93" s="5"/>
      <c r="E93" s="5"/>
      <c r="F93" s="9">
        <v>29430</v>
      </c>
      <c r="G93" s="14"/>
      <c r="H93" s="8"/>
    </row>
    <row r="94" spans="1:8" ht="13.5" customHeight="1" x14ac:dyDescent="0.25">
      <c r="A94" s="5" t="s">
        <v>696</v>
      </c>
      <c r="B94" s="5" t="s">
        <v>599</v>
      </c>
      <c r="C94" s="5"/>
      <c r="D94" s="5"/>
      <c r="E94" s="5"/>
      <c r="F94" s="9">
        <v>29494</v>
      </c>
      <c r="G94" s="14"/>
      <c r="H94" s="8"/>
    </row>
    <row r="95" spans="1:8" ht="13.5" customHeight="1" x14ac:dyDescent="0.25">
      <c r="A95" s="5" t="s">
        <v>69</v>
      </c>
      <c r="B95" s="5" t="s">
        <v>71</v>
      </c>
      <c r="C95" s="5"/>
      <c r="D95" s="5"/>
      <c r="E95" s="5"/>
      <c r="F95" s="9">
        <v>29792</v>
      </c>
      <c r="G95" s="14"/>
      <c r="H95" s="8"/>
    </row>
    <row r="96" spans="1:8" ht="13.5" customHeight="1" x14ac:dyDescent="0.25">
      <c r="A96" s="5" t="s">
        <v>175</v>
      </c>
      <c r="B96" s="5" t="s">
        <v>150</v>
      </c>
      <c r="C96" s="5"/>
      <c r="D96" s="5"/>
      <c r="E96" s="5"/>
      <c r="F96" s="9">
        <v>29805</v>
      </c>
      <c r="G96" s="14"/>
      <c r="H96" s="8"/>
    </row>
    <row r="97" spans="1:8" ht="13.5" customHeight="1" x14ac:dyDescent="0.25">
      <c r="A97" s="5" t="s">
        <v>686</v>
      </c>
      <c r="B97" s="5" t="s">
        <v>466</v>
      </c>
      <c r="C97" s="5"/>
      <c r="D97" s="5"/>
      <c r="E97" s="5"/>
      <c r="F97" s="9">
        <v>29942</v>
      </c>
      <c r="G97" s="14"/>
      <c r="H97" s="8"/>
    </row>
    <row r="98" spans="1:8" ht="13.5" customHeight="1" x14ac:dyDescent="0.25">
      <c r="A98" s="5" t="s">
        <v>517</v>
      </c>
      <c r="B98" s="5" t="s">
        <v>357</v>
      </c>
      <c r="C98" s="5"/>
      <c r="D98" s="5"/>
      <c r="E98" s="5"/>
      <c r="F98" s="9">
        <v>30012</v>
      </c>
      <c r="G98" s="14"/>
      <c r="H98" s="8"/>
    </row>
    <row r="99" spans="1:8" ht="13.5" customHeight="1" x14ac:dyDescent="0.25">
      <c r="A99" s="5" t="s">
        <v>312</v>
      </c>
      <c r="B99" s="5" t="s">
        <v>323</v>
      </c>
      <c r="C99" s="5"/>
      <c r="D99" s="5"/>
      <c r="E99" s="5"/>
      <c r="F99" s="9">
        <v>30142</v>
      </c>
      <c r="G99" s="14"/>
      <c r="H99" s="8"/>
    </row>
    <row r="100" spans="1:8" ht="13.5" customHeight="1" x14ac:dyDescent="0.25">
      <c r="A100" s="5" t="s">
        <v>265</v>
      </c>
      <c r="B100" s="5" t="s">
        <v>182</v>
      </c>
      <c r="C100" s="5"/>
      <c r="D100" s="5"/>
      <c r="E100" s="5"/>
      <c r="F100" s="9">
        <v>30189</v>
      </c>
      <c r="G100" s="14"/>
      <c r="H100" s="8"/>
    </row>
    <row r="101" spans="1:8" ht="13.5" customHeight="1" x14ac:dyDescent="0.25">
      <c r="A101" s="5" t="s">
        <v>251</v>
      </c>
      <c r="B101" s="5" t="s">
        <v>267</v>
      </c>
      <c r="C101" s="5"/>
      <c r="D101" s="5"/>
      <c r="E101" s="5"/>
      <c r="F101" s="9">
        <v>30201</v>
      </c>
      <c r="G101" s="14"/>
      <c r="H101" s="8"/>
    </row>
    <row r="102" spans="1:8" ht="13.5" customHeight="1" x14ac:dyDescent="0.25">
      <c r="A102" s="5" t="s">
        <v>933</v>
      </c>
      <c r="B102" s="5" t="s">
        <v>611</v>
      </c>
      <c r="C102" s="5"/>
      <c r="D102" s="5"/>
      <c r="E102" s="5"/>
      <c r="F102" s="9">
        <v>30341</v>
      </c>
      <c r="G102" s="14"/>
      <c r="H102" s="8"/>
    </row>
    <row r="103" spans="1:8" ht="13.5" customHeight="1" x14ac:dyDescent="0.25">
      <c r="A103" s="5" t="s">
        <v>364</v>
      </c>
      <c r="B103" s="5" t="s">
        <v>375</v>
      </c>
      <c r="C103" s="5"/>
      <c r="D103" s="5"/>
      <c r="E103" s="5"/>
      <c r="F103" s="9">
        <v>30364</v>
      </c>
      <c r="G103" s="14"/>
      <c r="H103" s="8"/>
    </row>
    <row r="104" spans="1:8" ht="13.5" customHeight="1" x14ac:dyDescent="0.25">
      <c r="A104" s="5" t="s">
        <v>525</v>
      </c>
      <c r="B104" s="5" t="s">
        <v>540</v>
      </c>
      <c r="C104" s="5"/>
      <c r="D104" s="5"/>
      <c r="E104" s="5"/>
      <c r="F104" s="9">
        <v>30411</v>
      </c>
      <c r="G104" s="14"/>
      <c r="H104" s="8"/>
    </row>
    <row r="105" spans="1:8" ht="13.5" customHeight="1" x14ac:dyDescent="0.25">
      <c r="A105" s="5" t="s">
        <v>88</v>
      </c>
      <c r="B105" s="5" t="s">
        <v>63</v>
      </c>
      <c r="C105" s="5"/>
      <c r="D105" s="5"/>
      <c r="E105" s="5"/>
      <c r="F105" s="9">
        <v>30512</v>
      </c>
      <c r="G105" s="14"/>
      <c r="H105" s="8"/>
    </row>
    <row r="106" spans="1:8" ht="13.5" customHeight="1" x14ac:dyDescent="0.25">
      <c r="A106" s="5" t="s">
        <v>156</v>
      </c>
      <c r="B106" s="5" t="s">
        <v>158</v>
      </c>
      <c r="C106" s="5"/>
      <c r="D106" s="5"/>
      <c r="E106" s="5"/>
      <c r="F106" s="9">
        <v>30610</v>
      </c>
      <c r="G106" s="14"/>
      <c r="H106" s="8"/>
    </row>
    <row r="107" spans="1:8" ht="13.5" customHeight="1" x14ac:dyDescent="0.25">
      <c r="A107" s="5" t="s">
        <v>672</v>
      </c>
      <c r="B107" s="5" t="s">
        <v>612</v>
      </c>
      <c r="C107" s="5"/>
      <c r="D107" s="5"/>
      <c r="E107" s="5"/>
      <c r="F107" s="9">
        <v>30803</v>
      </c>
      <c r="G107" s="14"/>
      <c r="H107" s="8"/>
    </row>
    <row r="108" spans="1:8" ht="13.5" customHeight="1" x14ac:dyDescent="0.25">
      <c r="A108" s="5" t="s">
        <v>620</v>
      </c>
      <c r="B108" s="5" t="s">
        <v>593</v>
      </c>
      <c r="C108" s="5"/>
      <c r="D108" s="5"/>
      <c r="E108" s="5"/>
      <c r="F108" s="9">
        <v>30851</v>
      </c>
      <c r="G108" s="14"/>
      <c r="H108" s="8"/>
    </row>
    <row r="109" spans="1:8" ht="13.5" customHeight="1" x14ac:dyDescent="0.25">
      <c r="A109" s="5" t="s">
        <v>738</v>
      </c>
      <c r="B109" s="5" t="s">
        <v>663</v>
      </c>
      <c r="C109" s="5"/>
      <c r="D109" s="5"/>
      <c r="E109" s="5"/>
      <c r="F109" s="9">
        <v>30923</v>
      </c>
      <c r="G109" s="14"/>
      <c r="H109" s="8"/>
    </row>
    <row r="110" spans="1:8" ht="13.5" customHeight="1" x14ac:dyDescent="0.25">
      <c r="A110" s="5" t="s">
        <v>44</v>
      </c>
      <c r="B110" s="5" t="s">
        <v>100</v>
      </c>
      <c r="C110" s="5"/>
      <c r="D110" s="5"/>
      <c r="E110" s="5"/>
      <c r="F110" s="9">
        <v>31005</v>
      </c>
      <c r="G110" s="14"/>
      <c r="H110" s="8"/>
    </row>
    <row r="111" spans="1:8" ht="13.5" customHeight="1" x14ac:dyDescent="0.25">
      <c r="A111" s="5" t="s">
        <v>733</v>
      </c>
      <c r="B111" s="5" t="s">
        <v>465</v>
      </c>
      <c r="C111" s="5"/>
      <c r="D111" s="5"/>
      <c r="E111" s="5"/>
      <c r="F111" s="9">
        <v>31013</v>
      </c>
      <c r="G111" s="14"/>
      <c r="H111" s="8"/>
    </row>
    <row r="112" spans="1:8" ht="13.5" customHeight="1" x14ac:dyDescent="0.25">
      <c r="A112" s="5" t="s">
        <v>324</v>
      </c>
      <c r="B112" s="5" t="s">
        <v>318</v>
      </c>
      <c r="C112" s="5"/>
      <c r="D112" s="5"/>
      <c r="E112" s="5"/>
      <c r="F112" s="9">
        <v>31188</v>
      </c>
      <c r="G112" s="14"/>
      <c r="H112" s="8"/>
    </row>
    <row r="113" spans="1:8" ht="13.5" customHeight="1" x14ac:dyDescent="0.25">
      <c r="A113" s="5" t="s">
        <v>553</v>
      </c>
      <c r="B113" s="5" t="s">
        <v>554</v>
      </c>
      <c r="C113" s="5"/>
      <c r="D113" s="5"/>
      <c r="E113" s="5"/>
      <c r="F113" s="9">
        <v>31234</v>
      </c>
      <c r="G113" s="14"/>
      <c r="H113" s="8"/>
    </row>
    <row r="114" spans="1:8" ht="13.5" customHeight="1" x14ac:dyDescent="0.25">
      <c r="A114" s="5" t="s">
        <v>64</v>
      </c>
      <c r="B114" s="5" t="s">
        <v>65</v>
      </c>
      <c r="C114" s="5"/>
      <c r="D114" s="5"/>
      <c r="E114" s="5"/>
      <c r="F114" s="9">
        <v>31258</v>
      </c>
      <c r="G114" s="14"/>
      <c r="H114" s="8"/>
    </row>
    <row r="115" spans="1:8" ht="13.5" customHeight="1" x14ac:dyDescent="0.25">
      <c r="A115" s="5" t="s">
        <v>192</v>
      </c>
      <c r="B115" s="5" t="s">
        <v>172</v>
      </c>
      <c r="C115" s="5"/>
      <c r="D115" s="5"/>
      <c r="E115" s="5"/>
      <c r="F115" s="9">
        <v>31262</v>
      </c>
      <c r="G115" s="14"/>
      <c r="H115" s="8"/>
    </row>
    <row r="116" spans="1:8" ht="13.5" customHeight="1" x14ac:dyDescent="0.25">
      <c r="A116" s="5" t="s">
        <v>54</v>
      </c>
      <c r="B116" s="5" t="s">
        <v>205</v>
      </c>
      <c r="C116" s="5"/>
      <c r="D116" s="5"/>
      <c r="E116" s="5"/>
      <c r="F116" s="9">
        <v>31303</v>
      </c>
      <c r="G116" s="14"/>
      <c r="H116" s="8"/>
    </row>
    <row r="117" spans="1:8" ht="13.5" customHeight="1" x14ac:dyDescent="0.25">
      <c r="A117" s="5" t="s">
        <v>565</v>
      </c>
      <c r="B117" s="5" t="s">
        <v>566</v>
      </c>
      <c r="C117" s="5"/>
      <c r="D117" s="5"/>
      <c r="E117" s="5"/>
      <c r="F117" s="9">
        <v>31354</v>
      </c>
      <c r="G117" s="14"/>
      <c r="H117" s="8"/>
    </row>
    <row r="118" spans="1:8" ht="13.5" customHeight="1" x14ac:dyDescent="0.25">
      <c r="A118" s="5" t="s">
        <v>637</v>
      </c>
      <c r="B118" s="5" t="s">
        <v>575</v>
      </c>
      <c r="C118" s="5"/>
      <c r="D118" s="5"/>
      <c r="E118" s="5"/>
      <c r="F118" s="9">
        <v>31376</v>
      </c>
      <c r="G118" s="14"/>
      <c r="H118" s="8"/>
    </row>
    <row r="119" spans="1:8" ht="13.5" customHeight="1" x14ac:dyDescent="0.25">
      <c r="A119" s="5" t="s">
        <v>415</v>
      </c>
      <c r="B119" s="5" t="s">
        <v>416</v>
      </c>
      <c r="C119" s="5"/>
      <c r="D119" s="5"/>
      <c r="E119" s="5"/>
      <c r="F119" s="9">
        <v>31382</v>
      </c>
      <c r="G119" s="14"/>
      <c r="H119" s="8"/>
    </row>
    <row r="120" spans="1:8" ht="13.5" customHeight="1" x14ac:dyDescent="0.25">
      <c r="A120" s="5" t="s">
        <v>451</v>
      </c>
      <c r="B120" s="5" t="s">
        <v>418</v>
      </c>
      <c r="C120" s="5"/>
      <c r="D120" s="5"/>
      <c r="E120" s="5"/>
      <c r="F120" s="9">
        <v>31393</v>
      </c>
      <c r="G120" s="14"/>
      <c r="H120" s="8"/>
    </row>
    <row r="121" spans="1:8" ht="13.5" customHeight="1" x14ac:dyDescent="0.25">
      <c r="A121" s="5" t="s">
        <v>498</v>
      </c>
      <c r="B121" s="5" t="s">
        <v>504</v>
      </c>
      <c r="C121" s="5"/>
      <c r="D121" s="5"/>
      <c r="E121" s="5"/>
      <c r="F121" s="9">
        <v>31530</v>
      </c>
      <c r="G121" s="14"/>
      <c r="H121" s="8"/>
    </row>
    <row r="122" spans="1:8" ht="13.5" customHeight="1" x14ac:dyDescent="0.25">
      <c r="A122" s="5" t="s">
        <v>485</v>
      </c>
      <c r="B122" s="5" t="s">
        <v>125</v>
      </c>
      <c r="C122" s="5"/>
      <c r="D122" s="5"/>
      <c r="E122" s="5"/>
      <c r="F122" s="9">
        <v>31560</v>
      </c>
      <c r="G122" s="14"/>
      <c r="H122" s="8"/>
    </row>
    <row r="123" spans="1:8" ht="13.5" customHeight="1" x14ac:dyDescent="0.25">
      <c r="A123" s="5" t="s">
        <v>641</v>
      </c>
      <c r="B123" s="5" t="s">
        <v>665</v>
      </c>
      <c r="C123" s="5"/>
      <c r="D123" s="5"/>
      <c r="E123" s="5"/>
      <c r="F123" s="9">
        <v>31625</v>
      </c>
      <c r="G123" s="14"/>
      <c r="H123" s="8"/>
    </row>
    <row r="124" spans="1:8" ht="13.5" customHeight="1" x14ac:dyDescent="0.25">
      <c r="A124" s="5" t="s">
        <v>402</v>
      </c>
      <c r="B124" s="5" t="s">
        <v>176</v>
      </c>
      <c r="C124" s="5"/>
      <c r="D124" s="5"/>
      <c r="E124" s="5"/>
      <c r="F124" s="9">
        <v>31625</v>
      </c>
      <c r="G124" s="14"/>
      <c r="H124" s="8"/>
    </row>
    <row r="125" spans="1:8" ht="13.5" customHeight="1" x14ac:dyDescent="0.25">
      <c r="A125" s="5" t="s">
        <v>55</v>
      </c>
      <c r="B125" s="5" t="s">
        <v>294</v>
      </c>
      <c r="C125" s="5"/>
      <c r="D125" s="5"/>
      <c r="E125" s="5"/>
      <c r="F125" s="9">
        <v>31665</v>
      </c>
      <c r="G125" s="14"/>
      <c r="H125" s="8"/>
    </row>
    <row r="126" spans="1:8" ht="13.5" customHeight="1" x14ac:dyDescent="0.25">
      <c r="A126" s="5" t="s">
        <v>273</v>
      </c>
      <c r="B126" s="5" t="s">
        <v>61</v>
      </c>
      <c r="C126" s="5"/>
      <c r="D126" s="5"/>
      <c r="E126" s="5"/>
      <c r="F126" s="9">
        <v>31735</v>
      </c>
      <c r="G126" s="14"/>
      <c r="H126" s="8"/>
    </row>
    <row r="127" spans="1:8" ht="13.5" customHeight="1" x14ac:dyDescent="0.25">
      <c r="A127" s="5" t="s">
        <v>495</v>
      </c>
      <c r="B127" s="5" t="s">
        <v>649</v>
      </c>
      <c r="C127" s="5"/>
      <c r="D127" s="5"/>
      <c r="E127" s="5"/>
      <c r="F127" s="9">
        <v>31785</v>
      </c>
      <c r="G127" s="14"/>
      <c r="H127" s="8"/>
    </row>
    <row r="128" spans="1:8" ht="13.5" customHeight="1" x14ac:dyDescent="0.25">
      <c r="A128" s="5" t="s">
        <v>87</v>
      </c>
      <c r="B128" s="5" t="s">
        <v>272</v>
      </c>
      <c r="C128" s="5"/>
      <c r="D128" s="5"/>
      <c r="E128" s="5"/>
      <c r="F128" s="9">
        <v>31833</v>
      </c>
      <c r="G128" s="14"/>
      <c r="H128" s="8"/>
    </row>
    <row r="129" spans="1:8" ht="13.5" customHeight="1" x14ac:dyDescent="0.25">
      <c r="A129" s="5" t="s">
        <v>215</v>
      </c>
      <c r="B129" s="5" t="s">
        <v>555</v>
      </c>
      <c r="C129" s="5"/>
      <c r="D129" s="5"/>
      <c r="E129" s="5"/>
      <c r="F129" s="9">
        <v>31854</v>
      </c>
      <c r="G129" s="14"/>
      <c r="H129" s="8"/>
    </row>
    <row r="130" spans="1:8" ht="13.5" customHeight="1" x14ac:dyDescent="0.25">
      <c r="A130" s="5" t="s">
        <v>397</v>
      </c>
      <c r="B130" s="5" t="s">
        <v>407</v>
      </c>
      <c r="C130" s="5"/>
      <c r="D130" s="5"/>
      <c r="E130" s="5"/>
      <c r="F130" s="9">
        <v>31910</v>
      </c>
      <c r="G130" s="14"/>
      <c r="H130" s="8"/>
    </row>
    <row r="131" spans="1:8" ht="13.5" customHeight="1" x14ac:dyDescent="0.25">
      <c r="A131" s="5" t="s">
        <v>37</v>
      </c>
      <c r="B131" s="5" t="s">
        <v>511</v>
      </c>
      <c r="C131" s="5"/>
      <c r="D131" s="5"/>
      <c r="E131" s="5"/>
      <c r="F131" s="9">
        <v>31951</v>
      </c>
      <c r="G131" s="14"/>
      <c r="H131" s="8"/>
    </row>
    <row r="132" spans="1:8" ht="13.5" customHeight="1" x14ac:dyDescent="0.25">
      <c r="A132" s="5" t="s">
        <v>39</v>
      </c>
      <c r="B132" s="5" t="s">
        <v>557</v>
      </c>
      <c r="C132" s="5"/>
      <c r="D132" s="5"/>
      <c r="E132" s="5"/>
      <c r="F132" s="9">
        <v>31995</v>
      </c>
      <c r="G132" s="14"/>
      <c r="H132" s="8"/>
    </row>
    <row r="133" spans="1:8" ht="13.5" customHeight="1" x14ac:dyDescent="0.25">
      <c r="A133" s="5" t="s">
        <v>330</v>
      </c>
      <c r="B133" s="5" t="s">
        <v>379</v>
      </c>
      <c r="C133" s="5"/>
      <c r="D133" s="5"/>
      <c r="E133" s="5"/>
      <c r="F133" s="9">
        <v>32007</v>
      </c>
      <c r="G133" s="14"/>
      <c r="H133" s="8"/>
    </row>
    <row r="134" spans="1:8" ht="13.5" customHeight="1" x14ac:dyDescent="0.25">
      <c r="A134" s="5" t="s">
        <v>424</v>
      </c>
      <c r="B134" s="5" t="s">
        <v>426</v>
      </c>
      <c r="C134" s="5"/>
      <c r="D134" s="5"/>
      <c r="E134" s="5"/>
      <c r="F134" s="9">
        <v>32129</v>
      </c>
      <c r="G134" s="14"/>
      <c r="H134" s="8"/>
    </row>
    <row r="135" spans="1:8" ht="13.5" customHeight="1" x14ac:dyDescent="0.25">
      <c r="A135" s="5" t="s">
        <v>405</v>
      </c>
      <c r="B135" s="5" t="s">
        <v>11</v>
      </c>
      <c r="C135" s="5"/>
      <c r="D135" s="5"/>
      <c r="E135" s="5"/>
      <c r="F135" s="9">
        <v>32238</v>
      </c>
      <c r="G135" s="14"/>
      <c r="H135" s="8"/>
    </row>
    <row r="136" spans="1:8" ht="13.5" customHeight="1" x14ac:dyDescent="0.25">
      <c r="A136" s="5" t="s">
        <v>559</v>
      </c>
      <c r="B136" s="5" t="s">
        <v>560</v>
      </c>
      <c r="C136" s="5"/>
      <c r="D136" s="5"/>
      <c r="E136" s="5"/>
      <c r="F136" s="9">
        <v>32264</v>
      </c>
      <c r="G136" s="14"/>
      <c r="H136" s="8"/>
    </row>
    <row r="137" spans="1:8" ht="13.5" customHeight="1" x14ac:dyDescent="0.25">
      <c r="A137" s="5" t="s">
        <v>952</v>
      </c>
      <c r="B137" s="5" t="s">
        <v>774</v>
      </c>
      <c r="C137" s="5"/>
      <c r="D137" s="5"/>
      <c r="E137" s="5"/>
      <c r="F137" s="9">
        <v>32280</v>
      </c>
      <c r="G137" s="14"/>
      <c r="H137" s="8"/>
    </row>
    <row r="138" spans="1:8" ht="13.5" customHeight="1" x14ac:dyDescent="0.25">
      <c r="A138" s="5" t="s">
        <v>164</v>
      </c>
      <c r="B138" s="5" t="s">
        <v>31</v>
      </c>
      <c r="C138" s="5"/>
      <c r="D138" s="5" t="s">
        <v>934</v>
      </c>
      <c r="E138" s="5" t="s">
        <v>31</v>
      </c>
      <c r="F138" s="9">
        <v>32325</v>
      </c>
      <c r="G138" s="14"/>
      <c r="H138" s="8"/>
    </row>
    <row r="139" spans="1:8" ht="13.5" customHeight="1" x14ac:dyDescent="0.25">
      <c r="A139" s="5" t="s">
        <v>409</v>
      </c>
      <c r="B139" s="5" t="s">
        <v>521</v>
      </c>
      <c r="C139" s="5"/>
      <c r="D139" s="5"/>
      <c r="E139" s="5"/>
      <c r="F139" s="9">
        <v>32344</v>
      </c>
      <c r="G139" s="14"/>
      <c r="H139" s="8"/>
    </row>
    <row r="140" spans="1:8" ht="13.5" customHeight="1" x14ac:dyDescent="0.25">
      <c r="A140" s="5" t="s">
        <v>550</v>
      </c>
      <c r="B140" s="5" t="s">
        <v>338</v>
      </c>
      <c r="C140" s="5"/>
      <c r="D140" s="5"/>
      <c r="E140" s="5"/>
      <c r="F140" s="9">
        <v>32424</v>
      </c>
      <c r="G140" s="14"/>
      <c r="H140" s="8"/>
    </row>
    <row r="141" spans="1:8" ht="13.5" customHeight="1" x14ac:dyDescent="0.25">
      <c r="A141" s="5" t="s">
        <v>394</v>
      </c>
      <c r="B141" s="5" t="s">
        <v>654</v>
      </c>
      <c r="C141" s="5"/>
      <c r="D141" s="5"/>
      <c r="E141" s="5"/>
      <c r="F141" s="9">
        <v>32436</v>
      </c>
      <c r="G141" s="14"/>
      <c r="H141" s="8"/>
    </row>
    <row r="142" spans="1:8" ht="13.5" customHeight="1" x14ac:dyDescent="0.25">
      <c r="A142" s="5" t="s">
        <v>194</v>
      </c>
      <c r="B142" s="5" t="s">
        <v>80</v>
      </c>
      <c r="C142" s="5"/>
      <c r="D142" s="5"/>
      <c r="E142" s="5"/>
      <c r="F142" s="9">
        <v>32483</v>
      </c>
      <c r="G142" s="14"/>
      <c r="H142" s="8"/>
    </row>
    <row r="143" spans="1:8" ht="13.5" customHeight="1" x14ac:dyDescent="0.25">
      <c r="A143" s="5" t="s">
        <v>38</v>
      </c>
      <c r="B143" s="5" t="s">
        <v>403</v>
      </c>
      <c r="C143" s="5"/>
      <c r="D143" s="5"/>
      <c r="E143" s="5"/>
      <c r="F143" s="9">
        <v>32484</v>
      </c>
      <c r="G143" s="14"/>
      <c r="H143" s="8"/>
    </row>
    <row r="144" spans="1:8" ht="13.5" customHeight="1" x14ac:dyDescent="0.25">
      <c r="A144" s="5" t="s">
        <v>526</v>
      </c>
      <c r="B144" s="5" t="s">
        <v>15</v>
      </c>
      <c r="C144" s="5"/>
      <c r="D144" s="5"/>
      <c r="E144" s="5"/>
      <c r="F144" s="9">
        <v>32498</v>
      </c>
      <c r="G144" s="14"/>
      <c r="H144" s="8"/>
    </row>
    <row r="145" spans="1:8" ht="13.5" customHeight="1" x14ac:dyDescent="0.25">
      <c r="A145" s="5" t="s">
        <v>970</v>
      </c>
      <c r="B145" s="5" t="s">
        <v>162</v>
      </c>
      <c r="C145" s="5"/>
      <c r="D145" s="5"/>
      <c r="E145" s="5"/>
      <c r="F145" s="9">
        <v>32555</v>
      </c>
      <c r="G145" s="14"/>
      <c r="H145" s="8"/>
    </row>
    <row r="146" spans="1:8" ht="13.5" customHeight="1" x14ac:dyDescent="0.25">
      <c r="A146" s="5" t="s">
        <v>667</v>
      </c>
      <c r="B146" s="5" t="s">
        <v>668</v>
      </c>
      <c r="C146" s="5"/>
      <c r="D146" s="5" t="s">
        <v>609</v>
      </c>
      <c r="E146" s="5" t="s">
        <v>668</v>
      </c>
      <c r="F146" s="9">
        <v>32599</v>
      </c>
      <c r="G146" s="14"/>
      <c r="H146" s="8"/>
    </row>
    <row r="147" spans="1:8" ht="13.5" customHeight="1" x14ac:dyDescent="0.25">
      <c r="A147" s="5" t="s">
        <v>174</v>
      </c>
      <c r="B147" s="5" t="s">
        <v>269</v>
      </c>
      <c r="C147" s="5"/>
      <c r="D147" s="5"/>
      <c r="E147" s="5"/>
      <c r="F147" s="9">
        <v>32606</v>
      </c>
      <c r="G147" s="14"/>
      <c r="H147" s="8"/>
    </row>
    <row r="148" spans="1:8" ht="13.5" customHeight="1" x14ac:dyDescent="0.25">
      <c r="A148" s="5" t="s">
        <v>673</v>
      </c>
      <c r="B148" s="5" t="s">
        <v>674</v>
      </c>
      <c r="C148" s="5"/>
      <c r="D148" s="5"/>
      <c r="E148" s="5"/>
      <c r="F148" s="9">
        <v>32636</v>
      </c>
      <c r="G148" s="14"/>
      <c r="H148" s="8"/>
    </row>
    <row r="149" spans="1:8" ht="13.5" customHeight="1" x14ac:dyDescent="0.25">
      <c r="A149" s="5" t="s">
        <v>322</v>
      </c>
      <c r="B149" s="5" t="s">
        <v>250</v>
      </c>
      <c r="C149" s="5"/>
      <c r="D149" s="5"/>
      <c r="E149" s="5"/>
      <c r="F149" s="9">
        <v>32681</v>
      </c>
      <c r="G149" s="14"/>
      <c r="H149" s="8"/>
    </row>
    <row r="150" spans="1:8" ht="13.5" customHeight="1" x14ac:dyDescent="0.25">
      <c r="A150" s="5" t="s">
        <v>546</v>
      </c>
      <c r="B150" s="5" t="s">
        <v>547</v>
      </c>
      <c r="C150" s="5"/>
      <c r="D150" s="5"/>
      <c r="E150" s="5"/>
      <c r="F150" s="9">
        <v>32728</v>
      </c>
      <c r="G150" s="14"/>
      <c r="H150" s="8"/>
    </row>
    <row r="151" spans="1:8" ht="13.5" customHeight="1" x14ac:dyDescent="0.25">
      <c r="A151" s="5" t="s">
        <v>277</v>
      </c>
      <c r="B151" s="5" t="s">
        <v>131</v>
      </c>
      <c r="C151" s="5"/>
      <c r="D151" s="5"/>
      <c r="E151" s="5"/>
      <c r="F151" s="9">
        <v>32771</v>
      </c>
      <c r="G151" s="14"/>
      <c r="H151" s="8"/>
    </row>
    <row r="152" spans="1:8" ht="13.5" customHeight="1" x14ac:dyDescent="0.25">
      <c r="A152" s="5" t="s">
        <v>645</v>
      </c>
      <c r="B152" s="5" t="s">
        <v>46</v>
      </c>
      <c r="C152" s="5"/>
      <c r="D152" s="5"/>
      <c r="E152" s="5"/>
      <c r="F152" s="9">
        <v>32799</v>
      </c>
      <c r="G152" s="14"/>
      <c r="H152" s="8"/>
    </row>
    <row r="153" spans="1:8" ht="13.5" customHeight="1" x14ac:dyDescent="0.25">
      <c r="A153" s="5" t="s">
        <v>487</v>
      </c>
      <c r="B153" s="5" t="s">
        <v>488</v>
      </c>
      <c r="C153" s="5"/>
      <c r="D153" s="5"/>
      <c r="E153" s="5"/>
      <c r="F153" s="9">
        <v>32826</v>
      </c>
      <c r="G153" s="14"/>
      <c r="H153" s="8"/>
    </row>
    <row r="154" spans="1:8" ht="13.5" customHeight="1" x14ac:dyDescent="0.25">
      <c r="A154" s="5" t="s">
        <v>450</v>
      </c>
      <c r="B154" s="5" t="s">
        <v>388</v>
      </c>
      <c r="C154" s="5"/>
      <c r="D154" s="5"/>
      <c r="E154" s="5"/>
      <c r="F154" s="9">
        <v>32833</v>
      </c>
      <c r="G154" s="14"/>
      <c r="H154" s="8"/>
    </row>
    <row r="155" spans="1:8" ht="13.5" customHeight="1" x14ac:dyDescent="0.25">
      <c r="A155" s="5" t="s">
        <v>562</v>
      </c>
      <c r="B155" s="5" t="s">
        <v>564</v>
      </c>
      <c r="C155" s="5"/>
      <c r="D155" s="5"/>
      <c r="E155" s="5"/>
      <c r="F155" s="9">
        <v>32847</v>
      </c>
      <c r="G155" s="14"/>
      <c r="H155" s="8"/>
    </row>
    <row r="156" spans="1:8" ht="13.5" customHeight="1" x14ac:dyDescent="0.25">
      <c r="A156" s="5" t="s">
        <v>25</v>
      </c>
      <c r="B156" s="5" t="s">
        <v>582</v>
      </c>
      <c r="C156" s="5"/>
      <c r="D156" s="5"/>
      <c r="E156" s="5"/>
      <c r="F156" s="9">
        <v>32847</v>
      </c>
      <c r="G156" s="14"/>
      <c r="H156" s="8"/>
    </row>
    <row r="157" spans="1:8" ht="13.5" customHeight="1" x14ac:dyDescent="0.25">
      <c r="A157" s="5" t="s">
        <v>331</v>
      </c>
      <c r="B157" s="5" t="s">
        <v>345</v>
      </c>
      <c r="C157" s="5"/>
      <c r="D157" s="5"/>
      <c r="E157" s="5"/>
      <c r="F157" s="9">
        <v>32883</v>
      </c>
      <c r="G157" s="14"/>
      <c r="H157" s="8"/>
    </row>
    <row r="158" spans="1:8" ht="13.5" customHeight="1" x14ac:dyDescent="0.25">
      <c r="A158" s="5" t="s">
        <v>109</v>
      </c>
      <c r="B158" s="5" t="s">
        <v>12</v>
      </c>
      <c r="C158" s="5"/>
      <c r="D158" s="5"/>
      <c r="E158" s="5"/>
      <c r="F158" s="9">
        <v>33049</v>
      </c>
      <c r="G158" s="14"/>
      <c r="H158" s="8"/>
    </row>
    <row r="159" spans="1:8" ht="13.5" customHeight="1" x14ac:dyDescent="0.25">
      <c r="A159" s="5" t="s">
        <v>713</v>
      </c>
      <c r="B159" s="5" t="s">
        <v>714</v>
      </c>
      <c r="C159" s="5"/>
      <c r="D159" s="5"/>
      <c r="E159" s="5"/>
      <c r="F159" s="9">
        <v>33071</v>
      </c>
      <c r="G159" s="14"/>
      <c r="H159" s="8"/>
    </row>
    <row r="160" spans="1:8" ht="13.5" customHeight="1" x14ac:dyDescent="0.25">
      <c r="A160" s="5" t="s">
        <v>439</v>
      </c>
      <c r="B160" s="5" t="s">
        <v>749</v>
      </c>
      <c r="C160" s="5"/>
      <c r="D160" s="5"/>
      <c r="E160" s="5"/>
      <c r="F160" s="9">
        <v>33086</v>
      </c>
      <c r="G160" s="14"/>
      <c r="H160" s="8"/>
    </row>
    <row r="161" spans="1:8" ht="13.5" customHeight="1" x14ac:dyDescent="0.25">
      <c r="A161" s="5" t="s">
        <v>610</v>
      </c>
      <c r="B161" s="5" t="s">
        <v>28</v>
      </c>
      <c r="C161" s="5"/>
      <c r="D161" s="5"/>
      <c r="E161" s="5"/>
      <c r="F161" s="9">
        <v>33191</v>
      </c>
      <c r="G161" s="14"/>
      <c r="H161" s="8"/>
    </row>
    <row r="162" spans="1:8" ht="13.5" customHeight="1" x14ac:dyDescent="0.25">
      <c r="A162" s="5" t="s">
        <v>443</v>
      </c>
      <c r="B162" s="5" t="s">
        <v>444</v>
      </c>
      <c r="C162" s="5"/>
      <c r="D162" s="5"/>
      <c r="E162" s="5"/>
      <c r="F162" s="9">
        <v>33211</v>
      </c>
      <c r="G162" s="14"/>
      <c r="H162" s="8"/>
    </row>
    <row r="163" spans="1:8" ht="13.5" customHeight="1" x14ac:dyDescent="0.25">
      <c r="A163" s="5" t="s">
        <v>268</v>
      </c>
      <c r="B163" s="5" t="s">
        <v>377</v>
      </c>
      <c r="C163" s="5"/>
      <c r="D163" s="5"/>
      <c r="E163" s="5"/>
      <c r="F163" s="9">
        <v>33261</v>
      </c>
      <c r="G163" s="14"/>
      <c r="H163" s="8"/>
    </row>
    <row r="164" spans="1:8" ht="13.5" customHeight="1" x14ac:dyDescent="0.25">
      <c r="A164" s="5" t="s">
        <v>494</v>
      </c>
      <c r="B164" s="5" t="s">
        <v>529</v>
      </c>
      <c r="C164" s="5"/>
      <c r="D164" s="5"/>
      <c r="E164" s="5"/>
      <c r="F164" s="9">
        <v>33351</v>
      </c>
      <c r="G164" s="14"/>
      <c r="H164" s="8"/>
    </row>
    <row r="165" spans="1:8" ht="13.5" customHeight="1" x14ac:dyDescent="0.25">
      <c r="A165" s="5" t="s">
        <v>530</v>
      </c>
      <c r="B165" s="5" t="s">
        <v>96</v>
      </c>
      <c r="C165" s="5"/>
      <c r="D165" s="5"/>
      <c r="E165" s="5"/>
      <c r="F165" s="9">
        <v>33351</v>
      </c>
      <c r="G165" s="14"/>
      <c r="H165" s="8"/>
    </row>
    <row r="166" spans="1:8" ht="13.5" customHeight="1" x14ac:dyDescent="0.25">
      <c r="A166" s="5" t="s">
        <v>470</v>
      </c>
      <c r="B166" s="5" t="s">
        <v>93</v>
      </c>
      <c r="C166" s="5"/>
      <c r="D166" s="5"/>
      <c r="E166" s="5"/>
      <c r="F166" s="9">
        <v>33414</v>
      </c>
      <c r="G166" s="14"/>
      <c r="H166" s="8"/>
    </row>
    <row r="167" spans="1:8" ht="13.5" customHeight="1" x14ac:dyDescent="0.25">
      <c r="A167" s="5" t="s">
        <v>480</v>
      </c>
      <c r="B167" s="5" t="s">
        <v>685</v>
      </c>
      <c r="C167" s="5"/>
      <c r="D167" s="5"/>
      <c r="E167" s="5"/>
      <c r="F167" s="9">
        <v>33547</v>
      </c>
      <c r="G167" s="14"/>
      <c r="H167" s="8"/>
    </row>
    <row r="168" spans="1:8" ht="13.5" customHeight="1" x14ac:dyDescent="0.25">
      <c r="A168" s="5" t="s">
        <v>772</v>
      </c>
      <c r="B168" s="5" t="s">
        <v>773</v>
      </c>
      <c r="C168" s="5"/>
      <c r="D168" s="5"/>
      <c r="E168" s="5"/>
      <c r="F168" s="9">
        <v>33591</v>
      </c>
      <c r="G168" s="14"/>
      <c r="H168" s="8"/>
    </row>
    <row r="169" spans="1:8" ht="13.5" customHeight="1" x14ac:dyDescent="0.25">
      <c r="A169" s="5" t="s">
        <v>434</v>
      </c>
      <c r="B169" s="5" t="s">
        <v>435</v>
      </c>
      <c r="C169" s="5"/>
      <c r="D169" s="5"/>
      <c r="E169" s="5"/>
      <c r="F169" s="9">
        <v>33737</v>
      </c>
      <c r="G169" s="14"/>
      <c r="H169" s="8"/>
    </row>
    <row r="170" spans="1:8" ht="13.5" customHeight="1" x14ac:dyDescent="0.25">
      <c r="A170" s="5" t="s">
        <v>143</v>
      </c>
      <c r="B170" s="5" t="s">
        <v>68</v>
      </c>
      <c r="C170" s="5"/>
      <c r="D170" s="5"/>
      <c r="E170" s="5"/>
      <c r="F170" s="9">
        <v>33780</v>
      </c>
      <c r="G170" s="14"/>
      <c r="H170" s="8"/>
    </row>
    <row r="171" spans="1:8" ht="13.5" customHeight="1" x14ac:dyDescent="0.25">
      <c r="A171" s="5" t="s">
        <v>376</v>
      </c>
      <c r="B171" s="5" t="s">
        <v>378</v>
      </c>
      <c r="C171" s="5"/>
      <c r="D171" s="5"/>
      <c r="E171" s="5"/>
      <c r="F171" s="9">
        <v>34006</v>
      </c>
      <c r="G171" s="14"/>
      <c r="H171" s="8"/>
    </row>
    <row r="172" spans="1:8" ht="13.5" customHeight="1" x14ac:dyDescent="0.25">
      <c r="A172" s="5" t="s">
        <v>477</v>
      </c>
      <c r="B172" s="5" t="s">
        <v>123</v>
      </c>
      <c r="C172" s="5"/>
      <c r="D172" s="5"/>
      <c r="E172" s="5"/>
      <c r="F172" s="9">
        <v>34024</v>
      </c>
      <c r="G172" s="14"/>
      <c r="H172" s="8"/>
    </row>
    <row r="173" spans="1:8" ht="13.5" customHeight="1" x14ac:dyDescent="0.25">
      <c r="A173" s="5" t="s">
        <v>771</v>
      </c>
      <c r="B173" s="5" t="s">
        <v>142</v>
      </c>
      <c r="C173" s="5"/>
      <c r="D173" s="5"/>
      <c r="E173" s="5"/>
      <c r="F173" s="9">
        <v>34065</v>
      </c>
      <c r="G173" s="14"/>
      <c r="H173" s="8"/>
    </row>
    <row r="174" spans="1:8" ht="13.5" customHeight="1" x14ac:dyDescent="0.25">
      <c r="A174" s="5" t="s">
        <v>482</v>
      </c>
      <c r="B174" s="5" t="s">
        <v>483</v>
      </c>
      <c r="C174" s="5"/>
      <c r="D174" s="5"/>
      <c r="E174" s="5"/>
      <c r="F174" s="9">
        <v>34108</v>
      </c>
      <c r="G174" s="14"/>
      <c r="H174" s="8"/>
    </row>
    <row r="175" spans="1:8" ht="13.5" customHeight="1" x14ac:dyDescent="0.25">
      <c r="A175" s="5" t="s">
        <v>491</v>
      </c>
      <c r="B175" s="5" t="s">
        <v>67</v>
      </c>
      <c r="C175" s="5"/>
      <c r="D175" s="5"/>
      <c r="E175" s="5"/>
      <c r="F175" s="9">
        <v>34114</v>
      </c>
      <c r="G175" s="14"/>
      <c r="H175" s="8"/>
    </row>
    <row r="176" spans="1:8" ht="13.5" customHeight="1" x14ac:dyDescent="0.25">
      <c r="A176" s="5" t="s">
        <v>747</v>
      </c>
      <c r="B176" s="5" t="s">
        <v>748</v>
      </c>
      <c r="C176" s="5"/>
      <c r="D176" s="5"/>
      <c r="E176" s="5"/>
      <c r="F176" s="9">
        <v>34165</v>
      </c>
      <c r="G176" s="14"/>
      <c r="H176" s="8"/>
    </row>
    <row r="177" spans="1:8" ht="13.5" customHeight="1" x14ac:dyDescent="0.25">
      <c r="A177" s="5" t="s">
        <v>410</v>
      </c>
      <c r="B177" s="5" t="s">
        <v>115</v>
      </c>
      <c r="C177" s="5"/>
      <c r="D177" s="5"/>
      <c r="E177" s="5"/>
      <c r="F177" s="9">
        <v>34171</v>
      </c>
      <c r="G177" s="14"/>
      <c r="H177" s="8"/>
    </row>
    <row r="178" spans="1:8" ht="13.5" customHeight="1" x14ac:dyDescent="0.25">
      <c r="A178" s="5" t="s">
        <v>400</v>
      </c>
      <c r="B178" s="5" t="s">
        <v>401</v>
      </c>
      <c r="C178" s="5"/>
      <c r="D178" s="5"/>
      <c r="E178" s="5"/>
      <c r="F178" s="9">
        <v>34315</v>
      </c>
      <c r="G178" s="14"/>
      <c r="H178" s="8"/>
    </row>
    <row r="179" spans="1:8" ht="13.5" customHeight="1" x14ac:dyDescent="0.25">
      <c r="A179" s="5" t="s">
        <v>679</v>
      </c>
      <c r="B179" s="5" t="s">
        <v>680</v>
      </c>
      <c r="C179" s="5"/>
      <c r="D179" s="5"/>
      <c r="E179" s="5"/>
      <c r="F179" s="9">
        <v>34373</v>
      </c>
      <c r="G179" s="14"/>
      <c r="H179" s="8"/>
    </row>
    <row r="180" spans="1:8" ht="13.5" customHeight="1" x14ac:dyDescent="0.25">
      <c r="A180" s="5" t="s">
        <v>489</v>
      </c>
      <c r="B180" s="5" t="s">
        <v>490</v>
      </c>
      <c r="C180" s="5"/>
      <c r="D180" s="5"/>
      <c r="E180" s="5"/>
      <c r="F180" s="9">
        <v>34474</v>
      </c>
      <c r="G180" s="14"/>
      <c r="H180" s="8"/>
    </row>
    <row r="181" spans="1:8" ht="13.5" customHeight="1" x14ac:dyDescent="0.25">
      <c r="A181" s="5" t="s">
        <v>745</v>
      </c>
      <c r="B181" s="5" t="s">
        <v>746</v>
      </c>
      <c r="C181" s="5"/>
      <c r="D181" s="5"/>
      <c r="E181" s="5"/>
      <c r="F181" s="9">
        <v>34506</v>
      </c>
      <c r="G181" s="14"/>
      <c r="H181" s="8"/>
    </row>
    <row r="182" spans="1:8" ht="13.5" customHeight="1" x14ac:dyDescent="0.25">
      <c r="A182" s="5" t="s">
        <v>390</v>
      </c>
      <c r="B182" s="5" t="s">
        <v>398</v>
      </c>
      <c r="C182" s="5"/>
      <c r="D182" s="5"/>
      <c r="E182" s="5"/>
      <c r="F182" s="9">
        <v>34549</v>
      </c>
      <c r="G182" s="14"/>
      <c r="H182" s="8"/>
    </row>
    <row r="183" spans="1:8" ht="13.5" customHeight="1" x14ac:dyDescent="0.25">
      <c r="A183" s="5" t="s">
        <v>212</v>
      </c>
      <c r="B183" s="5" t="s">
        <v>84</v>
      </c>
      <c r="C183" s="5"/>
      <c r="D183" s="5"/>
      <c r="E183" s="5"/>
      <c r="F183" s="9">
        <v>34549</v>
      </c>
      <c r="G183" s="14"/>
      <c r="H183" s="8"/>
    </row>
    <row r="184" spans="1:8" ht="13.5" customHeight="1" x14ac:dyDescent="0.25">
      <c r="A184" s="5" t="s">
        <v>417</v>
      </c>
      <c r="B184" s="5" t="s">
        <v>632</v>
      </c>
      <c r="C184" s="5" t="s">
        <v>971</v>
      </c>
      <c r="D184" s="5"/>
      <c r="E184" s="5"/>
      <c r="F184" s="9">
        <v>34557</v>
      </c>
      <c r="G184" s="14"/>
      <c r="H184" s="8"/>
    </row>
    <row r="185" spans="1:8" ht="13.5" customHeight="1" x14ac:dyDescent="0.25">
      <c r="A185" s="5" t="s">
        <v>365</v>
      </c>
      <c r="B185" s="5" t="s">
        <v>4</v>
      </c>
      <c r="C185" s="5"/>
      <c r="D185" s="5"/>
      <c r="E185" s="5"/>
      <c r="F185" s="9">
        <v>34571</v>
      </c>
      <c r="G185" s="14"/>
      <c r="H185" s="8"/>
    </row>
    <row r="186" spans="1:8" ht="13.5" customHeight="1" x14ac:dyDescent="0.25">
      <c r="A186" s="5" t="s">
        <v>463</v>
      </c>
      <c r="B186" s="5" t="s">
        <v>316</v>
      </c>
      <c r="C186" s="5"/>
      <c r="D186" s="5"/>
      <c r="E186" s="5"/>
      <c r="F186" s="9">
        <v>34594</v>
      </c>
      <c r="G186" s="14"/>
      <c r="H186" s="8"/>
    </row>
    <row r="187" spans="1:8" ht="13.5" customHeight="1" x14ac:dyDescent="0.25">
      <c r="A187" s="5" t="s">
        <v>551</v>
      </c>
      <c r="B187" s="5" t="s">
        <v>552</v>
      </c>
      <c r="C187" s="5"/>
      <c r="D187" s="5"/>
      <c r="E187" s="5"/>
      <c r="F187" s="9">
        <v>34601</v>
      </c>
      <c r="G187" s="14"/>
      <c r="H187" s="8"/>
    </row>
    <row r="188" spans="1:8" ht="13.5" customHeight="1" x14ac:dyDescent="0.25">
      <c r="A188" s="5" t="s">
        <v>769</v>
      </c>
      <c r="B188" s="5" t="s">
        <v>770</v>
      </c>
      <c r="C188" s="5"/>
      <c r="D188" s="5"/>
      <c r="E188" s="5"/>
      <c r="F188" s="9">
        <v>34607</v>
      </c>
      <c r="G188" s="14"/>
      <c r="H188" s="8"/>
    </row>
    <row r="189" spans="1:8" ht="13.5" customHeight="1" x14ac:dyDescent="0.25">
      <c r="A189" s="5" t="s">
        <v>259</v>
      </c>
      <c r="B189" s="5" t="s">
        <v>263</v>
      </c>
      <c r="C189" s="5"/>
      <c r="D189" s="5"/>
      <c r="E189" s="5"/>
      <c r="F189" s="9">
        <v>34647</v>
      </c>
      <c r="G189" s="14" t="s">
        <v>264</v>
      </c>
      <c r="H189" s="8"/>
    </row>
    <row r="190" spans="1:8" ht="13.5" customHeight="1" x14ac:dyDescent="0.25">
      <c r="A190" s="5" t="s">
        <v>973</v>
      </c>
      <c r="B190" s="5" t="s">
        <v>427</v>
      </c>
      <c r="C190" s="5"/>
      <c r="D190" s="5"/>
      <c r="E190" s="5"/>
      <c r="F190" s="9">
        <v>34675</v>
      </c>
      <c r="G190" s="14"/>
      <c r="H190" s="8"/>
    </row>
    <row r="191" spans="1:8" ht="13.5" customHeight="1" x14ac:dyDescent="0.25">
      <c r="A191" s="5" t="s">
        <v>527</v>
      </c>
      <c r="B191" s="5" t="s">
        <v>528</v>
      </c>
      <c r="C191" s="5"/>
      <c r="D191" s="5"/>
      <c r="E191" s="5"/>
      <c r="F191" s="9">
        <v>34774</v>
      </c>
      <c r="G191" s="14"/>
      <c r="H191" s="8"/>
    </row>
    <row r="192" spans="1:8" ht="13.5" customHeight="1" x14ac:dyDescent="0.25">
      <c r="A192" s="5" t="s">
        <v>105</v>
      </c>
      <c r="B192" s="5" t="s">
        <v>306</v>
      </c>
      <c r="C192" s="5"/>
      <c r="D192" s="5"/>
      <c r="E192" s="5"/>
      <c r="F192" s="9">
        <v>34822</v>
      </c>
      <c r="G192" s="14"/>
      <c r="H192" s="8"/>
    </row>
    <row r="193" spans="1:8" ht="13.5" customHeight="1" x14ac:dyDescent="0.25">
      <c r="A193" s="5" t="s">
        <v>372</v>
      </c>
      <c r="B193" s="5" t="s">
        <v>198</v>
      </c>
      <c r="C193" s="5"/>
      <c r="D193" s="5"/>
      <c r="E193" s="5"/>
      <c r="F193" s="9">
        <v>34912</v>
      </c>
      <c r="G193" s="14"/>
      <c r="H193" s="8"/>
    </row>
    <row r="194" spans="1:8" ht="13.5" customHeight="1" x14ac:dyDescent="0.25">
      <c r="A194" s="5" t="s">
        <v>570</v>
      </c>
      <c r="B194" s="5" t="s">
        <v>507</v>
      </c>
      <c r="C194" s="5"/>
      <c r="D194" s="5"/>
      <c r="E194" s="5"/>
      <c r="F194" s="9">
        <v>34949</v>
      </c>
      <c r="G194" s="14"/>
      <c r="H194" s="8"/>
    </row>
    <row r="195" spans="1:8" ht="13.5" customHeight="1" x14ac:dyDescent="0.25">
      <c r="A195" s="5" t="s">
        <v>135</v>
      </c>
      <c r="B195" s="5" t="s">
        <v>327</v>
      </c>
      <c r="C195" s="5"/>
      <c r="D195" s="5"/>
      <c r="E195" s="5"/>
      <c r="F195" s="9">
        <v>34990</v>
      </c>
      <c r="G195" s="14"/>
      <c r="H195" s="8"/>
    </row>
    <row r="196" spans="1:8" ht="13.5" customHeight="1" x14ac:dyDescent="0.25">
      <c r="A196" s="5" t="s">
        <v>767</v>
      </c>
      <c r="B196" s="5" t="s">
        <v>768</v>
      </c>
      <c r="C196" s="5"/>
      <c r="D196" s="5"/>
      <c r="E196" s="5"/>
      <c r="F196" s="9">
        <v>35024</v>
      </c>
      <c r="G196" s="14"/>
      <c r="H196" s="8"/>
    </row>
    <row r="197" spans="1:8" ht="13.5" customHeight="1" x14ac:dyDescent="0.25">
      <c r="A197" s="5" t="s">
        <v>356</v>
      </c>
      <c r="B197" s="5" t="s">
        <v>238</v>
      </c>
      <c r="C197" s="5"/>
      <c r="D197" s="5"/>
      <c r="E197" s="5"/>
      <c r="F197" s="9">
        <v>35069</v>
      </c>
      <c r="G197" s="14"/>
      <c r="H197" s="8"/>
    </row>
    <row r="198" spans="1:8" ht="13.5" customHeight="1" x14ac:dyDescent="0.25">
      <c r="A198" s="5" t="s">
        <v>548</v>
      </c>
      <c r="B198" s="5" t="s">
        <v>349</v>
      </c>
      <c r="C198" s="5"/>
      <c r="D198" s="5"/>
      <c r="E198" s="5"/>
      <c r="F198" s="9">
        <v>35143</v>
      </c>
      <c r="G198" s="14"/>
      <c r="H198" s="8"/>
    </row>
    <row r="199" spans="1:8" ht="13.5" customHeight="1" x14ac:dyDescent="0.25">
      <c r="A199" s="5" t="s">
        <v>643</v>
      </c>
      <c r="B199" s="5" t="s">
        <v>644</v>
      </c>
      <c r="C199" s="5"/>
      <c r="D199" s="5"/>
      <c r="E199" s="5"/>
      <c r="F199" s="9">
        <v>35160</v>
      </c>
      <c r="G199" s="14"/>
      <c r="H199" s="8"/>
    </row>
    <row r="200" spans="1:8" ht="13.5" customHeight="1" x14ac:dyDescent="0.25">
      <c r="A200" s="5" t="s">
        <v>931</v>
      </c>
      <c r="B200" s="5" t="s">
        <v>452</v>
      </c>
      <c r="C200" s="5"/>
      <c r="D200" s="5"/>
      <c r="E200" s="5"/>
      <c r="F200" s="9">
        <v>35255</v>
      </c>
      <c r="G200" s="14"/>
      <c r="H200" s="8"/>
    </row>
    <row r="201" spans="1:8" ht="13.5" customHeight="1" x14ac:dyDescent="0.25">
      <c r="A201" s="5" t="s">
        <v>48</v>
      </c>
      <c r="B201" s="5" t="s">
        <v>534</v>
      </c>
      <c r="C201" s="5"/>
      <c r="D201" s="5"/>
      <c r="E201" s="5"/>
      <c r="F201" s="9">
        <v>35279</v>
      </c>
      <c r="G201" s="14"/>
      <c r="H201" s="8"/>
    </row>
    <row r="202" spans="1:8" ht="13.5" customHeight="1" x14ac:dyDescent="0.25">
      <c r="A202" s="5" t="s">
        <v>412</v>
      </c>
      <c r="B202" s="5" t="s">
        <v>413</v>
      </c>
      <c r="C202" s="5"/>
      <c r="D202" s="5"/>
      <c r="E202" s="5"/>
      <c r="F202" s="9">
        <v>35325</v>
      </c>
      <c r="G202" s="14"/>
      <c r="H202" s="8"/>
    </row>
    <row r="203" spans="1:8" ht="13.5" customHeight="1" x14ac:dyDescent="0.25">
      <c r="A203" s="5" t="s">
        <v>764</v>
      </c>
      <c r="B203" s="5" t="s">
        <v>246</v>
      </c>
      <c r="C203" s="5"/>
      <c r="D203" s="5"/>
      <c r="E203" s="5"/>
      <c r="F203" s="9">
        <v>35376</v>
      </c>
      <c r="G203" s="14"/>
      <c r="H203" s="8"/>
    </row>
    <row r="204" spans="1:8" ht="13.5" customHeight="1" x14ac:dyDescent="0.25">
      <c r="A204" s="5" t="s">
        <v>160</v>
      </c>
      <c r="B204" s="5" t="s">
        <v>89</v>
      </c>
      <c r="C204" s="5"/>
      <c r="D204" s="5"/>
      <c r="E204" s="5"/>
      <c r="F204" s="9">
        <v>35382</v>
      </c>
      <c r="G204" s="14"/>
      <c r="H204" s="8"/>
    </row>
    <row r="205" spans="1:8" ht="13.5" customHeight="1" x14ac:dyDescent="0.25">
      <c r="A205" s="5" t="s">
        <v>459</v>
      </c>
      <c r="B205" s="5" t="s">
        <v>478</v>
      </c>
      <c r="C205" s="5"/>
      <c r="D205" s="5"/>
      <c r="E205" s="5"/>
      <c r="F205" s="9">
        <v>35383</v>
      </c>
      <c r="G205" s="14"/>
      <c r="H205" s="8"/>
    </row>
    <row r="206" spans="1:8" ht="13.5" customHeight="1" x14ac:dyDescent="0.25">
      <c r="A206" s="5" t="s">
        <v>425</v>
      </c>
      <c r="B206" s="5" t="s">
        <v>743</v>
      </c>
      <c r="C206" s="5"/>
      <c r="D206" s="5"/>
      <c r="E206" s="5"/>
      <c r="F206" s="9">
        <v>35528</v>
      </c>
      <c r="G206" s="14"/>
      <c r="H206" s="8"/>
    </row>
    <row r="207" spans="1:8" ht="13.5" customHeight="1" x14ac:dyDescent="0.25">
      <c r="A207" s="5" t="s">
        <v>147</v>
      </c>
      <c r="B207" s="5" t="s">
        <v>766</v>
      </c>
      <c r="C207" s="5"/>
      <c r="D207" s="5"/>
      <c r="E207" s="5"/>
      <c r="F207" s="9">
        <v>35528</v>
      </c>
      <c r="G207" s="14"/>
      <c r="H207" s="8"/>
    </row>
    <row r="208" spans="1:8" ht="13.5" customHeight="1" x14ac:dyDescent="0.25">
      <c r="A208" s="5" t="s">
        <v>254</v>
      </c>
      <c r="B208" s="5" t="s">
        <v>124</v>
      </c>
      <c r="C208" s="5"/>
      <c r="D208" s="5"/>
      <c r="E208" s="5"/>
      <c r="F208" s="9">
        <v>35548</v>
      </c>
      <c r="G208" s="14" t="s">
        <v>396</v>
      </c>
      <c r="H208" s="8"/>
    </row>
    <row r="209" spans="1:8" ht="13.5" customHeight="1" x14ac:dyDescent="0.25">
      <c r="A209" s="5" t="s">
        <v>723</v>
      </c>
      <c r="B209" s="5" t="s">
        <v>724</v>
      </c>
      <c r="C209" s="5"/>
      <c r="D209" s="5"/>
      <c r="E209" s="5"/>
      <c r="F209" s="9">
        <v>35548</v>
      </c>
      <c r="G209" s="14" t="s">
        <v>600</v>
      </c>
      <c r="H209" s="8"/>
    </row>
    <row r="210" spans="1:8" ht="13.5" customHeight="1" x14ac:dyDescent="0.25">
      <c r="A210" s="5" t="s">
        <v>30</v>
      </c>
      <c r="B210" s="5" t="s">
        <v>24</v>
      </c>
      <c r="C210" s="5"/>
      <c r="D210" s="5"/>
      <c r="E210" s="5"/>
      <c r="F210" s="9">
        <v>35642</v>
      </c>
      <c r="G210" s="14" t="s">
        <v>32</v>
      </c>
      <c r="H210" s="8"/>
    </row>
    <row r="211" spans="1:8" ht="13.5" customHeight="1" x14ac:dyDescent="0.25">
      <c r="A211" s="5" t="s">
        <v>260</v>
      </c>
      <c r="B211" s="5" t="s">
        <v>391</v>
      </c>
      <c r="C211" s="5"/>
      <c r="D211" s="5"/>
      <c r="E211" s="5"/>
      <c r="F211" s="9">
        <v>35692</v>
      </c>
      <c r="G211" s="14" t="s">
        <v>392</v>
      </c>
      <c r="H211" s="8"/>
    </row>
    <row r="212" spans="1:8" ht="13.5" customHeight="1" x14ac:dyDescent="0.25">
      <c r="A212" s="5" t="s">
        <v>193</v>
      </c>
      <c r="B212" s="5" t="s">
        <v>431</v>
      </c>
      <c r="C212" s="5"/>
      <c r="D212" s="5"/>
      <c r="E212" s="5"/>
      <c r="F212" s="9">
        <v>35759</v>
      </c>
      <c r="G212" s="14" t="s">
        <v>433</v>
      </c>
      <c r="H212" s="8"/>
    </row>
    <row r="213" spans="1:8" ht="13.5" customHeight="1" x14ac:dyDescent="0.25">
      <c r="A213" s="5" t="s">
        <v>589</v>
      </c>
      <c r="B213" s="5" t="s">
        <v>591</v>
      </c>
      <c r="C213" s="5"/>
      <c r="D213" s="5"/>
      <c r="E213" s="5"/>
      <c r="F213" s="9">
        <v>35860</v>
      </c>
      <c r="G213" s="14" t="s">
        <v>129</v>
      </c>
      <c r="H213" s="8"/>
    </row>
    <row r="214" spans="1:8" ht="13.5" customHeight="1" x14ac:dyDescent="0.25">
      <c r="A214" s="5" t="s">
        <v>58</v>
      </c>
      <c r="B214" s="5" t="s">
        <v>218</v>
      </c>
      <c r="C214" s="5"/>
      <c r="D214" s="5"/>
      <c r="E214" s="5"/>
      <c r="F214" s="9">
        <v>35871</v>
      </c>
      <c r="G214" s="14"/>
      <c r="H214" s="8"/>
    </row>
    <row r="215" spans="1:8" ht="13.5" customHeight="1" x14ac:dyDescent="0.25">
      <c r="A215" s="5" t="s">
        <v>226</v>
      </c>
      <c r="B215" s="5" t="s">
        <v>298</v>
      </c>
      <c r="C215" s="5"/>
      <c r="D215" s="5"/>
      <c r="E215" s="5"/>
      <c r="F215" s="9">
        <v>36034</v>
      </c>
      <c r="G215" s="14"/>
      <c r="H215" s="8"/>
    </row>
    <row r="216" spans="1:8" ht="13.5" customHeight="1" x14ac:dyDescent="0.25">
      <c r="A216" s="5" t="s">
        <v>353</v>
      </c>
      <c r="B216" s="5" t="s">
        <v>499</v>
      </c>
      <c r="C216" s="5" t="s">
        <v>210</v>
      </c>
      <c r="D216" s="5"/>
      <c r="E216" s="5"/>
      <c r="F216" s="9">
        <v>36110</v>
      </c>
      <c r="G216" s="14" t="s">
        <v>500</v>
      </c>
      <c r="H216" s="8"/>
    </row>
    <row r="217" spans="1:8" ht="13.5" customHeight="1" x14ac:dyDescent="0.25">
      <c r="A217" s="5" t="s">
        <v>968</v>
      </c>
      <c r="B217" s="5" t="s">
        <v>341</v>
      </c>
      <c r="C217" s="5"/>
      <c r="D217" s="5"/>
      <c r="E217" s="5"/>
      <c r="F217" s="9">
        <v>36116</v>
      </c>
      <c r="G217" s="14" t="s">
        <v>184</v>
      </c>
      <c r="H217" s="8"/>
    </row>
    <row r="218" spans="1:8" ht="13.5" customHeight="1" x14ac:dyDescent="0.25">
      <c r="A218" s="5" t="s">
        <v>66</v>
      </c>
      <c r="B218" s="5" t="s">
        <v>438</v>
      </c>
      <c r="C218" s="5"/>
      <c r="D218" s="5"/>
      <c r="E218" s="5"/>
      <c r="F218" s="9">
        <v>36237</v>
      </c>
      <c r="G218" s="14"/>
      <c r="H218" s="8"/>
    </row>
    <row r="219" spans="1:8" ht="13.5" customHeight="1" x14ac:dyDescent="0.25">
      <c r="A219" s="5" t="s">
        <v>45</v>
      </c>
      <c r="B219" s="5" t="s">
        <v>618</v>
      </c>
      <c r="C219" s="5"/>
      <c r="D219" s="5"/>
      <c r="E219" s="5"/>
      <c r="F219" s="9">
        <v>36278</v>
      </c>
      <c r="G219" s="14" t="s">
        <v>619</v>
      </c>
      <c r="H219" s="8"/>
    </row>
    <row r="220" spans="1:8" ht="13.5" customHeight="1" x14ac:dyDescent="0.25">
      <c r="A220" s="5" t="s">
        <v>969</v>
      </c>
      <c r="B220" s="5" t="s">
        <v>484</v>
      </c>
      <c r="C220" s="5"/>
      <c r="D220" s="5" t="s">
        <v>457</v>
      </c>
      <c r="E220" s="5" t="s">
        <v>315</v>
      </c>
      <c r="F220" s="9">
        <v>36321</v>
      </c>
      <c r="G220" s="14" t="s">
        <v>657</v>
      </c>
      <c r="H220" s="8"/>
    </row>
    <row r="221" spans="1:8" ht="13.5" customHeight="1" x14ac:dyDescent="0.25">
      <c r="A221" s="5" t="s">
        <v>366</v>
      </c>
      <c r="B221" s="5" t="s">
        <v>927</v>
      </c>
      <c r="C221" s="5"/>
      <c r="D221" s="5"/>
      <c r="E221" s="5"/>
      <c r="F221" s="9">
        <v>36342</v>
      </c>
      <c r="G221" s="14"/>
      <c r="H221" s="8"/>
    </row>
    <row r="222" spans="1:8" ht="13.5" customHeight="1" x14ac:dyDescent="0.25">
      <c r="A222" s="5" t="s">
        <v>740</v>
      </c>
      <c r="B222" s="5" t="s">
        <v>741</v>
      </c>
      <c r="C222" s="5"/>
      <c r="D222" s="5"/>
      <c r="E222" s="5"/>
      <c r="F222" s="9">
        <v>36455</v>
      </c>
      <c r="G222" s="14"/>
      <c r="H222" s="8"/>
    </row>
    <row r="223" spans="1:8" ht="13.5" customHeight="1" x14ac:dyDescent="0.25">
      <c r="A223" s="5" t="s">
        <v>510</v>
      </c>
      <c r="B223" s="5" t="s">
        <v>739</v>
      </c>
      <c r="C223" s="5"/>
      <c r="D223" s="5"/>
      <c r="E223" s="5"/>
      <c r="F223" s="9">
        <v>36491</v>
      </c>
      <c r="G223" s="14"/>
      <c r="H223" s="8"/>
    </row>
    <row r="224" spans="1:8" ht="13.5" customHeight="1" x14ac:dyDescent="0.25">
      <c r="A224" s="5" t="s">
        <v>688</v>
      </c>
      <c r="B224" s="5" t="s">
        <v>689</v>
      </c>
      <c r="C224" s="5"/>
      <c r="D224" s="5"/>
      <c r="E224" s="5"/>
      <c r="F224" s="9">
        <v>36698</v>
      </c>
      <c r="G224" s="14" t="s">
        <v>690</v>
      </c>
      <c r="H224" s="8"/>
    </row>
    <row r="225" spans="1:8" ht="13.5" customHeight="1" x14ac:dyDescent="0.25">
      <c r="A225" s="5" t="s">
        <v>360</v>
      </c>
      <c r="B225" s="5" t="s">
        <v>103</v>
      </c>
      <c r="C225" s="5"/>
      <c r="D225" s="5"/>
      <c r="E225" s="5"/>
      <c r="F225" s="9">
        <v>36910</v>
      </c>
      <c r="G225" s="14" t="s">
        <v>314</v>
      </c>
      <c r="H225" s="8"/>
    </row>
    <row r="226" spans="1:8" ht="13.5" customHeight="1" x14ac:dyDescent="0.25">
      <c r="A226" s="5" t="s">
        <v>120</v>
      </c>
      <c r="B226" s="5" t="s">
        <v>62</v>
      </c>
      <c r="C226" s="5"/>
      <c r="D226" s="5"/>
      <c r="E226" s="5"/>
      <c r="F226" s="9">
        <v>36982</v>
      </c>
      <c r="G226" s="14" t="s">
        <v>42</v>
      </c>
      <c r="H226" s="8"/>
    </row>
    <row r="227" spans="1:8" ht="13.5" customHeight="1" x14ac:dyDescent="0.25">
      <c r="A227" s="5" t="s">
        <v>922</v>
      </c>
      <c r="B227" s="5" t="s">
        <v>923</v>
      </c>
      <c r="C227" s="5"/>
      <c r="D227" s="5"/>
      <c r="E227" s="5"/>
      <c r="F227" s="9">
        <v>36983</v>
      </c>
      <c r="G227" s="14" t="s">
        <v>363</v>
      </c>
      <c r="H227" s="8"/>
    </row>
    <row r="228" spans="1:8" ht="13.5" customHeight="1" x14ac:dyDescent="0.25">
      <c r="A228" s="5" t="s">
        <v>762</v>
      </c>
      <c r="B228" s="5" t="s">
        <v>763</v>
      </c>
      <c r="C228" s="5"/>
      <c r="D228" s="5"/>
      <c r="E228" s="5"/>
      <c r="F228" s="9">
        <v>37001</v>
      </c>
      <c r="G228" s="14"/>
      <c r="H228" s="8"/>
    </row>
    <row r="229" spans="1:8" ht="13.5" customHeight="1" x14ac:dyDescent="0.25">
      <c r="A229" s="5" t="s">
        <v>288</v>
      </c>
      <c r="B229" s="5" t="s">
        <v>924</v>
      </c>
      <c r="C229" s="5"/>
      <c r="D229" s="5"/>
      <c r="E229" s="5"/>
      <c r="F229" s="9">
        <v>37022</v>
      </c>
      <c r="G229" s="14" t="s">
        <v>447</v>
      </c>
      <c r="H229" s="8"/>
    </row>
    <row r="230" spans="1:8" ht="13.5" customHeight="1" x14ac:dyDescent="0.25">
      <c r="A230" s="5" t="s">
        <v>719</v>
      </c>
      <c r="B230" s="5" t="s">
        <v>720</v>
      </c>
      <c r="C230" s="5"/>
      <c r="D230" s="5" t="s">
        <v>936</v>
      </c>
      <c r="E230" s="5" t="s">
        <v>462</v>
      </c>
      <c r="F230" s="9">
        <v>37138</v>
      </c>
      <c r="G230" s="14" t="s">
        <v>721</v>
      </c>
      <c r="H230" s="8"/>
    </row>
    <row r="231" spans="1:8" ht="13.5" customHeight="1" x14ac:dyDescent="0.25">
      <c r="A231" s="5" t="s">
        <v>535</v>
      </c>
      <c r="B231" s="5" t="s">
        <v>700</v>
      </c>
      <c r="C231" s="5"/>
      <c r="D231" s="5"/>
      <c r="E231" s="5"/>
      <c r="F231" s="9">
        <v>37242</v>
      </c>
      <c r="G231" s="14" t="s">
        <v>442</v>
      </c>
      <c r="H231" s="8"/>
    </row>
    <row r="232" spans="1:8" ht="13.5" customHeight="1" x14ac:dyDescent="0.25">
      <c r="A232" s="5" t="s">
        <v>420</v>
      </c>
      <c r="B232" s="5" t="s">
        <v>422</v>
      </c>
      <c r="C232" s="5"/>
      <c r="D232" s="5"/>
      <c r="E232" s="5"/>
      <c r="F232" s="9">
        <v>37278</v>
      </c>
      <c r="G232" s="14" t="s">
        <v>423</v>
      </c>
      <c r="H232" s="8"/>
    </row>
    <row r="233" spans="1:8" ht="13.5" customHeight="1" x14ac:dyDescent="0.25">
      <c r="A233" s="5" t="s">
        <v>92</v>
      </c>
      <c r="B233" s="5" t="s">
        <v>538</v>
      </c>
      <c r="C233" s="5"/>
      <c r="D233" s="5"/>
      <c r="E233" s="5"/>
      <c r="F233" s="9">
        <v>37453</v>
      </c>
      <c r="G233" s="14" t="s">
        <v>523</v>
      </c>
      <c r="H233" s="8"/>
    </row>
    <row r="234" spans="1:8" ht="13.5" customHeight="1" x14ac:dyDescent="0.25">
      <c r="A234" s="5" t="s">
        <v>18</v>
      </c>
      <c r="B234" s="5" t="s">
        <v>95</v>
      </c>
      <c r="C234" s="5"/>
      <c r="D234" s="5"/>
      <c r="E234" s="5"/>
      <c r="F234" s="9">
        <v>37467</v>
      </c>
      <c r="G234" s="14" t="s">
        <v>102</v>
      </c>
      <c r="H234" s="8"/>
    </row>
    <row r="235" spans="1:8" ht="13.5" customHeight="1" x14ac:dyDescent="0.25">
      <c r="A235" s="5" t="s">
        <v>121</v>
      </c>
      <c r="B235" s="5" t="s">
        <v>759</v>
      </c>
      <c r="C235" s="5"/>
      <c r="D235" s="5"/>
      <c r="E235" s="5"/>
      <c r="F235" s="9">
        <v>37477</v>
      </c>
      <c r="G235" s="14"/>
      <c r="H235" s="8"/>
    </row>
    <row r="236" spans="1:8" ht="13.5" customHeight="1" x14ac:dyDescent="0.25">
      <c r="A236" s="5" t="s">
        <v>326</v>
      </c>
      <c r="B236" s="5" t="s">
        <v>493</v>
      </c>
      <c r="C236" s="5"/>
      <c r="D236" s="5"/>
      <c r="E236" s="5"/>
      <c r="F236" s="9">
        <v>37485</v>
      </c>
      <c r="G236" s="14" t="s">
        <v>211</v>
      </c>
      <c r="H236" s="8"/>
    </row>
    <row r="237" spans="1:8" ht="13.5" customHeight="1" x14ac:dyDescent="0.25">
      <c r="A237" s="5" t="s">
        <v>352</v>
      </c>
      <c r="B237" s="5" t="s">
        <v>127</v>
      </c>
      <c r="C237" s="5"/>
      <c r="D237" s="5"/>
      <c r="E237" s="5"/>
      <c r="F237" s="9">
        <v>37561</v>
      </c>
      <c r="G237" s="14" t="s">
        <v>257</v>
      </c>
      <c r="H237" s="8"/>
    </row>
    <row r="238" spans="1:8" ht="13.5" customHeight="1" x14ac:dyDescent="0.25">
      <c r="A238" s="5" t="s">
        <v>220</v>
      </c>
      <c r="B238" s="5" t="s">
        <v>169</v>
      </c>
      <c r="C238" s="5"/>
      <c r="D238" s="5"/>
      <c r="E238" s="5"/>
      <c r="F238" s="9">
        <v>37586</v>
      </c>
      <c r="G238" s="14" t="s">
        <v>683</v>
      </c>
      <c r="H238" s="8"/>
    </row>
    <row r="239" spans="1:8" ht="13.5" customHeight="1" x14ac:dyDescent="0.25">
      <c r="A239" s="5" t="s">
        <v>286</v>
      </c>
      <c r="B239" s="5" t="s">
        <v>590</v>
      </c>
      <c r="C239" s="5"/>
      <c r="D239" s="5" t="s">
        <v>291</v>
      </c>
      <c r="E239" s="5" t="s">
        <v>370</v>
      </c>
      <c r="F239" s="9">
        <v>37589</v>
      </c>
      <c r="G239" s="14" t="s">
        <v>598</v>
      </c>
      <c r="H239" s="8"/>
    </row>
    <row r="240" spans="1:8" ht="13.5" customHeight="1" x14ac:dyDescent="0.25">
      <c r="A240" s="5" t="s">
        <v>21</v>
      </c>
      <c r="B240" s="5" t="s">
        <v>350</v>
      </c>
      <c r="C240" s="5"/>
      <c r="D240" s="5" t="s">
        <v>319</v>
      </c>
      <c r="E240" s="5" t="s">
        <v>350</v>
      </c>
      <c r="F240" s="9">
        <v>37596</v>
      </c>
      <c r="G240" s="14" t="s">
        <v>351</v>
      </c>
      <c r="H240" s="8"/>
    </row>
    <row r="241" spans="1:8" ht="13.5" customHeight="1" x14ac:dyDescent="0.25">
      <c r="A241" s="5" t="s">
        <v>475</v>
      </c>
      <c r="B241" s="5" t="s">
        <v>476</v>
      </c>
      <c r="C241" s="5"/>
      <c r="D241" s="5"/>
      <c r="E241" s="5"/>
      <c r="F241" s="9">
        <v>37686</v>
      </c>
      <c r="G241" s="14" t="s">
        <v>233</v>
      </c>
      <c r="H241" s="8"/>
    </row>
    <row r="242" spans="1:8" ht="13.5" customHeight="1" x14ac:dyDescent="0.25">
      <c r="A242" s="5" t="s">
        <v>23</v>
      </c>
      <c r="B242" s="5" t="s">
        <v>70</v>
      </c>
      <c r="C242" s="5"/>
      <c r="D242" s="5"/>
      <c r="E242" s="5"/>
      <c r="F242" s="9">
        <v>37740</v>
      </c>
      <c r="G242" s="14"/>
      <c r="H242" s="8"/>
    </row>
    <row r="243" spans="1:8" ht="13.5" customHeight="1" x14ac:dyDescent="0.25">
      <c r="A243" s="5" t="s">
        <v>29</v>
      </c>
      <c r="B243" s="5" t="s">
        <v>33</v>
      </c>
      <c r="C243" s="5"/>
      <c r="D243" s="5"/>
      <c r="E243" s="5"/>
      <c r="F243" s="9">
        <v>37741</v>
      </c>
      <c r="G243" s="14" t="s">
        <v>36</v>
      </c>
      <c r="H243" s="8"/>
    </row>
    <row r="244" spans="1:8" ht="13.5" customHeight="1" x14ac:dyDescent="0.25">
      <c r="A244" s="5" t="s">
        <v>436</v>
      </c>
      <c r="B244" s="5" t="s">
        <v>159</v>
      </c>
      <c r="C244" s="5"/>
      <c r="D244" s="5"/>
      <c r="E244" s="5"/>
      <c r="F244" s="9">
        <v>37743</v>
      </c>
      <c r="G244" s="14" t="s">
        <v>437</v>
      </c>
      <c r="H244" s="8"/>
    </row>
    <row r="245" spans="1:8" ht="13.5" customHeight="1" x14ac:dyDescent="0.25">
      <c r="A245" s="5" t="s">
        <v>512</v>
      </c>
      <c r="B245" s="5" t="s">
        <v>165</v>
      </c>
      <c r="C245" s="5"/>
      <c r="D245" s="5"/>
      <c r="E245" s="5"/>
      <c r="F245" s="9">
        <v>37824</v>
      </c>
      <c r="G245" s="14" t="s">
        <v>758</v>
      </c>
      <c r="H245" s="8"/>
    </row>
    <row r="246" spans="1:8" ht="13.5" customHeight="1" x14ac:dyDescent="0.25">
      <c r="A246" s="5" t="s">
        <v>289</v>
      </c>
      <c r="B246" s="5" t="s">
        <v>472</v>
      </c>
      <c r="C246" s="5"/>
      <c r="D246" s="5"/>
      <c r="E246" s="5"/>
      <c r="F246" s="9">
        <v>37895</v>
      </c>
      <c r="G246" s="14" t="s">
        <v>328</v>
      </c>
      <c r="H246" s="8"/>
    </row>
    <row r="247" spans="1:8" ht="13.5" customHeight="1" x14ac:dyDescent="0.25">
      <c r="A247" s="5" t="s">
        <v>190</v>
      </c>
      <c r="B247" s="5" t="s">
        <v>225</v>
      </c>
      <c r="C247" s="5"/>
      <c r="D247" s="5"/>
      <c r="E247" s="5"/>
      <c r="F247" s="9">
        <v>37895</v>
      </c>
      <c r="G247" s="14" t="s">
        <v>229</v>
      </c>
      <c r="H247" s="8"/>
    </row>
    <row r="248" spans="1:8" ht="13.5" customHeight="1" x14ac:dyDescent="0.25">
      <c r="A248" s="5" t="s">
        <v>16</v>
      </c>
      <c r="B248" s="5" t="s">
        <v>473</v>
      </c>
      <c r="C248" s="5"/>
      <c r="D248" s="5"/>
      <c r="E248" s="5"/>
      <c r="F248" s="9">
        <v>37939</v>
      </c>
      <c r="G248" s="14" t="s">
        <v>19</v>
      </c>
      <c r="H248" s="8"/>
    </row>
    <row r="249" spans="1:8" ht="13.5" customHeight="1" x14ac:dyDescent="0.25">
      <c r="A249" s="5" t="s">
        <v>122</v>
      </c>
      <c r="B249" s="5" t="s">
        <v>369</v>
      </c>
      <c r="C249" s="5"/>
      <c r="D249" s="5" t="s">
        <v>291</v>
      </c>
      <c r="E249" s="5" t="s">
        <v>370</v>
      </c>
      <c r="F249" s="9">
        <v>37961</v>
      </c>
      <c r="G249" s="14" t="s">
        <v>245</v>
      </c>
      <c r="H249" s="8"/>
    </row>
    <row r="250" spans="1:8" ht="13.5" customHeight="1" x14ac:dyDescent="0.25">
      <c r="A250" s="5" t="s">
        <v>776</v>
      </c>
      <c r="B250" s="5" t="s">
        <v>513</v>
      </c>
      <c r="C250" s="5"/>
      <c r="D250" s="5"/>
      <c r="E250" s="5"/>
      <c r="F250" s="9">
        <v>38016</v>
      </c>
      <c r="G250" s="14" t="s">
        <v>777</v>
      </c>
      <c r="H250" s="8"/>
    </row>
    <row r="251" spans="1:8" ht="13.5" customHeight="1" x14ac:dyDescent="0.25">
      <c r="A251" s="5" t="s">
        <v>230</v>
      </c>
      <c r="B251" s="5" t="s">
        <v>231</v>
      </c>
      <c r="C251" s="5"/>
      <c r="D251" s="5"/>
      <c r="E251" s="5"/>
      <c r="F251" s="9">
        <v>38084</v>
      </c>
      <c r="G251" s="14" t="s">
        <v>234</v>
      </c>
      <c r="H251" s="8"/>
    </row>
    <row r="252" spans="1:8" ht="13.5" customHeight="1" x14ac:dyDescent="0.25">
      <c r="A252" s="5" t="s">
        <v>428</v>
      </c>
      <c r="B252" s="5" t="s">
        <v>761</v>
      </c>
      <c r="C252" s="5"/>
      <c r="D252" s="5"/>
      <c r="E252" s="5"/>
      <c r="F252" s="9">
        <v>38167</v>
      </c>
      <c r="G252" s="14"/>
      <c r="H252" s="8"/>
    </row>
    <row r="253" spans="1:8" ht="13.5" customHeight="1" x14ac:dyDescent="0.25">
      <c r="A253" s="5" t="s">
        <v>199</v>
      </c>
      <c r="B253" s="5" t="s">
        <v>197</v>
      </c>
      <c r="C253" s="5"/>
      <c r="D253" s="5"/>
      <c r="E253" s="5"/>
      <c r="F253" s="9">
        <v>38175</v>
      </c>
      <c r="G253" s="14" t="s">
        <v>237</v>
      </c>
      <c r="H253" s="8"/>
    </row>
    <row r="254" spans="1:8" ht="13.5" customHeight="1" x14ac:dyDescent="0.25">
      <c r="A254" s="5" t="s">
        <v>216</v>
      </c>
      <c r="B254" s="5" t="s">
        <v>240</v>
      </c>
      <c r="C254" s="5"/>
      <c r="D254" s="5"/>
      <c r="E254" s="5"/>
      <c r="F254" s="9">
        <v>38300</v>
      </c>
      <c r="G254" s="14" t="s">
        <v>241</v>
      </c>
      <c r="H254" s="8"/>
    </row>
    <row r="255" spans="1:8" ht="13.5" customHeight="1" x14ac:dyDescent="0.25">
      <c r="A255" s="5" t="s">
        <v>242</v>
      </c>
      <c r="B255" s="5" t="s">
        <v>6</v>
      </c>
      <c r="C255" s="5"/>
      <c r="D255" s="5"/>
      <c r="E255" s="5"/>
      <c r="F255" s="9">
        <v>38331</v>
      </c>
      <c r="G255" s="14" t="s">
        <v>244</v>
      </c>
      <c r="H255" s="8"/>
    </row>
    <row r="256" spans="1:8" ht="13.5" customHeight="1" x14ac:dyDescent="0.25">
      <c r="A256" s="5" t="s">
        <v>112</v>
      </c>
      <c r="B256" s="5" t="s">
        <v>75</v>
      </c>
      <c r="C256" s="5"/>
      <c r="D256" s="5"/>
      <c r="E256" s="5"/>
      <c r="F256" s="9">
        <v>38336</v>
      </c>
      <c r="G256" s="14" t="s">
        <v>247</v>
      </c>
      <c r="H256" s="8"/>
    </row>
    <row r="257" spans="1:8" ht="13.5" customHeight="1" x14ac:dyDescent="0.25">
      <c r="A257" s="5" t="s">
        <v>141</v>
      </c>
      <c r="B257" s="5" t="s">
        <v>81</v>
      </c>
      <c r="C257" s="5"/>
      <c r="D257" s="5"/>
      <c r="E257" s="5"/>
      <c r="F257" s="9">
        <v>38576</v>
      </c>
      <c r="G257" s="14" t="s">
        <v>276</v>
      </c>
      <c r="H257" s="8"/>
    </row>
    <row r="258" spans="1:8" ht="13.5" customHeight="1" x14ac:dyDescent="0.25">
      <c r="A258" s="5" t="s">
        <v>778</v>
      </c>
      <c r="B258" s="5" t="s">
        <v>779</v>
      </c>
      <c r="C258" s="5"/>
      <c r="D258" s="5"/>
      <c r="E258" s="5"/>
      <c r="F258" s="9">
        <v>38622</v>
      </c>
      <c r="G258" s="14" t="s">
        <v>227</v>
      </c>
      <c r="H258" s="8"/>
    </row>
    <row r="259" spans="1:8" ht="13.5" customHeight="1" x14ac:dyDescent="0.25">
      <c r="A259" s="5" t="s">
        <v>699</v>
      </c>
      <c r="B259" s="5" t="s">
        <v>780</v>
      </c>
      <c r="C259" s="5"/>
      <c r="D259" s="5"/>
      <c r="E259" s="5"/>
      <c r="F259" s="9">
        <v>38671</v>
      </c>
      <c r="G259" s="14" t="s">
        <v>111</v>
      </c>
      <c r="H259" s="8"/>
    </row>
    <row r="260" spans="1:8" ht="13.5" customHeight="1" x14ac:dyDescent="0.25">
      <c r="A260" s="5" t="s">
        <v>185</v>
      </c>
      <c r="B260" s="5" t="s">
        <v>782</v>
      </c>
      <c r="C260" s="5"/>
      <c r="D260" s="5"/>
      <c r="E260" s="5"/>
      <c r="F260" s="9">
        <v>38678</v>
      </c>
      <c r="G260" s="14" t="s">
        <v>670</v>
      </c>
      <c r="H260" s="8"/>
    </row>
    <row r="261" spans="1:8" ht="13.5" customHeight="1" x14ac:dyDescent="0.25">
      <c r="A261" s="5" t="s">
        <v>783</v>
      </c>
      <c r="B261" s="5" t="s">
        <v>784</v>
      </c>
      <c r="C261" s="5"/>
      <c r="D261" s="5" t="s">
        <v>937</v>
      </c>
      <c r="E261" s="5" t="s">
        <v>370</v>
      </c>
      <c r="F261" s="9">
        <v>38779</v>
      </c>
      <c r="G261" s="14" t="s">
        <v>178</v>
      </c>
      <c r="H261" s="8"/>
    </row>
    <row r="262" spans="1:8" ht="13.5" customHeight="1" x14ac:dyDescent="0.25">
      <c r="A262" s="5" t="s">
        <v>932</v>
      </c>
      <c r="B262" s="5" t="s">
        <v>119</v>
      </c>
      <c r="C262" s="5" t="s">
        <v>786</v>
      </c>
      <c r="D262" s="5"/>
      <c r="E262" s="5"/>
      <c r="F262" s="9">
        <v>38833</v>
      </c>
      <c r="G262" s="14" t="s">
        <v>461</v>
      </c>
      <c r="H262" s="8"/>
    </row>
    <row r="263" spans="1:8" ht="13.5" customHeight="1" x14ac:dyDescent="0.25">
      <c r="A263" s="5" t="s">
        <v>787</v>
      </c>
      <c r="B263" s="5" t="s">
        <v>336</v>
      </c>
      <c r="C263" s="5"/>
      <c r="D263" s="5"/>
      <c r="E263" s="5"/>
      <c r="F263" s="9">
        <v>38870</v>
      </c>
      <c r="G263" s="14" t="s">
        <v>221</v>
      </c>
      <c r="H263" s="8"/>
    </row>
    <row r="264" spans="1:8" ht="13.5" customHeight="1" x14ac:dyDescent="0.25">
      <c r="A264" s="5" t="s">
        <v>567</v>
      </c>
      <c r="B264" s="5" t="s">
        <v>788</v>
      </c>
      <c r="C264" s="5"/>
      <c r="D264" s="5"/>
      <c r="E264" s="5"/>
      <c r="F264" s="9">
        <v>38919</v>
      </c>
      <c r="G264" s="14" t="s">
        <v>292</v>
      </c>
      <c r="H264" s="8"/>
    </row>
    <row r="265" spans="1:8" ht="13.5" customHeight="1" x14ac:dyDescent="0.25">
      <c r="A265" s="5" t="s">
        <v>201</v>
      </c>
      <c r="B265" s="5" t="s">
        <v>126</v>
      </c>
      <c r="C265" s="5"/>
      <c r="D265" s="5"/>
      <c r="E265" s="5"/>
      <c r="F265" s="9">
        <v>38996</v>
      </c>
      <c r="G265" s="14" t="s">
        <v>189</v>
      </c>
      <c r="H265" s="8"/>
    </row>
    <row r="266" spans="1:8" ht="13.5" customHeight="1" x14ac:dyDescent="0.25">
      <c r="A266" s="5" t="s">
        <v>585</v>
      </c>
      <c r="B266" s="5" t="s">
        <v>789</v>
      </c>
      <c r="C266" s="5"/>
      <c r="D266" s="5"/>
      <c r="E266" s="5"/>
      <c r="F266" s="9">
        <v>39000</v>
      </c>
      <c r="G266" s="14" t="s">
        <v>652</v>
      </c>
      <c r="H266" s="8"/>
    </row>
    <row r="267" spans="1:8" ht="13.5" customHeight="1" x14ac:dyDescent="0.25">
      <c r="A267" s="5" t="s">
        <v>791</v>
      </c>
      <c r="B267" s="5" t="s">
        <v>792</v>
      </c>
      <c r="C267" s="5"/>
      <c r="D267" s="5" t="s">
        <v>894</v>
      </c>
      <c r="E267" s="5" t="s">
        <v>315</v>
      </c>
      <c r="F267" s="9">
        <v>39017</v>
      </c>
      <c r="G267" s="14" t="s">
        <v>574</v>
      </c>
      <c r="H267" s="8"/>
    </row>
    <row r="268" spans="1:8" ht="13.5" customHeight="1" x14ac:dyDescent="0.25">
      <c r="A268" s="5" t="s">
        <v>793</v>
      </c>
      <c r="B268" s="5" t="s">
        <v>750</v>
      </c>
      <c r="C268" s="5"/>
      <c r="D268" s="5"/>
      <c r="E268" s="5"/>
      <c r="F268" s="9">
        <v>39017</v>
      </c>
      <c r="G268" s="14" t="s">
        <v>794</v>
      </c>
      <c r="H268" s="8"/>
    </row>
    <row r="269" spans="1:8" ht="13.5" customHeight="1" x14ac:dyDescent="0.25">
      <c r="A269" s="5" t="s">
        <v>361</v>
      </c>
      <c r="B269" s="5" t="s">
        <v>796</v>
      </c>
      <c r="C269" s="5"/>
      <c r="D269" s="5"/>
      <c r="E269" s="5"/>
      <c r="F269" s="9">
        <v>39128</v>
      </c>
      <c r="G269" s="14" t="s">
        <v>228</v>
      </c>
      <c r="H269" s="8"/>
    </row>
    <row r="270" spans="1:8" ht="13.5" customHeight="1" x14ac:dyDescent="0.25">
      <c r="A270" s="5" t="s">
        <v>151</v>
      </c>
      <c r="B270" s="5" t="s">
        <v>797</v>
      </c>
      <c r="C270" s="5"/>
      <c r="D270" s="5"/>
      <c r="E270" s="5"/>
      <c r="F270" s="9">
        <v>39161</v>
      </c>
      <c r="G270" s="14" t="s">
        <v>798</v>
      </c>
      <c r="H270" s="8"/>
    </row>
    <row r="271" spans="1:8" ht="13.5" customHeight="1" x14ac:dyDescent="0.25">
      <c r="A271" s="5" t="s">
        <v>531</v>
      </c>
      <c r="B271" s="5" t="s">
        <v>532</v>
      </c>
      <c r="C271" s="5"/>
      <c r="D271" s="5"/>
      <c r="E271" s="5"/>
      <c r="F271" s="9">
        <v>39358</v>
      </c>
      <c r="G271" s="14" t="s">
        <v>656</v>
      </c>
      <c r="H271" s="8"/>
    </row>
    <row r="272" spans="1:8" ht="13.5" customHeight="1" x14ac:dyDescent="0.25">
      <c r="A272" s="5" t="s">
        <v>285</v>
      </c>
      <c r="B272" s="5" t="s">
        <v>596</v>
      </c>
      <c r="C272" s="5"/>
      <c r="D272" s="5"/>
      <c r="E272" s="5"/>
      <c r="F272" s="9">
        <v>39371</v>
      </c>
      <c r="G272" s="14" t="s">
        <v>800</v>
      </c>
      <c r="H272" s="8"/>
    </row>
    <row r="273" spans="1:8" ht="13.5" customHeight="1" x14ac:dyDescent="0.25">
      <c r="A273" s="5" t="s">
        <v>583</v>
      </c>
      <c r="B273" s="5" t="s">
        <v>387</v>
      </c>
      <c r="C273" s="5"/>
      <c r="D273" s="5"/>
      <c r="E273" s="5"/>
      <c r="F273" s="9">
        <v>39387</v>
      </c>
      <c r="G273" s="14" t="s">
        <v>801</v>
      </c>
      <c r="H273" s="8"/>
    </row>
    <row r="274" spans="1:8" ht="13.5" customHeight="1" x14ac:dyDescent="0.25">
      <c r="A274" s="5" t="s">
        <v>791</v>
      </c>
      <c r="B274" s="5" t="s">
        <v>803</v>
      </c>
      <c r="C274" s="5"/>
      <c r="D274" s="5" t="s">
        <v>894</v>
      </c>
      <c r="E274" s="5" t="s">
        <v>315</v>
      </c>
      <c r="F274" s="9">
        <v>39591</v>
      </c>
      <c r="G274" s="14" t="s">
        <v>195</v>
      </c>
      <c r="H274" s="8"/>
    </row>
    <row r="275" spans="1:8" ht="13.5" customHeight="1" x14ac:dyDescent="0.25">
      <c r="A275" s="5" t="s">
        <v>806</v>
      </c>
      <c r="B275" s="5" t="s">
        <v>592</v>
      </c>
      <c r="C275" s="5"/>
      <c r="D275" s="5"/>
      <c r="E275" s="5"/>
      <c r="F275" s="9">
        <v>39668</v>
      </c>
      <c r="G275" s="14" t="s">
        <v>807</v>
      </c>
      <c r="H275" s="8"/>
    </row>
    <row r="276" spans="1:8" ht="13.5" customHeight="1" x14ac:dyDescent="0.25">
      <c r="A276" s="5" t="s">
        <v>808</v>
      </c>
      <c r="B276" s="5" t="s">
        <v>754</v>
      </c>
      <c r="C276" s="5"/>
      <c r="D276" s="5"/>
      <c r="E276" s="5"/>
      <c r="F276" s="9">
        <v>39682</v>
      </c>
      <c r="G276" s="14" t="s">
        <v>809</v>
      </c>
      <c r="H276" s="8"/>
    </row>
    <row r="277" spans="1:8" ht="13.5" customHeight="1" x14ac:dyDescent="0.25">
      <c r="A277" s="5" t="s">
        <v>188</v>
      </c>
      <c r="B277" s="5" t="s">
        <v>281</v>
      </c>
      <c r="C277" s="5"/>
      <c r="D277" s="5"/>
      <c r="E277" s="5"/>
      <c r="F277" s="9">
        <v>39694</v>
      </c>
      <c r="G277" s="14" t="s">
        <v>810</v>
      </c>
      <c r="H277" s="8"/>
    </row>
    <row r="278" spans="1:8" ht="13.5" customHeight="1" x14ac:dyDescent="0.25">
      <c r="A278" s="5" t="s">
        <v>26</v>
      </c>
      <c r="B278" s="5" t="s">
        <v>744</v>
      </c>
      <c r="C278" s="5"/>
      <c r="D278" s="5" t="s">
        <v>811</v>
      </c>
      <c r="E278" s="5"/>
      <c r="F278" s="9">
        <v>39849</v>
      </c>
      <c r="G278" s="14" t="s">
        <v>812</v>
      </c>
      <c r="H278" s="8"/>
    </row>
    <row r="279" spans="1:8" ht="13.5" customHeight="1" x14ac:dyDescent="0.25">
      <c r="A279" s="5" t="s">
        <v>104</v>
      </c>
      <c r="B279" s="5" t="s">
        <v>813</v>
      </c>
      <c r="C279" s="5"/>
      <c r="D279" s="5"/>
      <c r="E279" s="5"/>
      <c r="F279" s="9">
        <v>39890</v>
      </c>
      <c r="G279" s="14" t="s">
        <v>460</v>
      </c>
      <c r="H279" s="8"/>
    </row>
    <row r="280" spans="1:8" ht="13.5" customHeight="1" x14ac:dyDescent="0.25">
      <c r="A280" s="5" t="s">
        <v>775</v>
      </c>
      <c r="B280" s="5" t="s">
        <v>814</v>
      </c>
      <c r="C280" s="5"/>
      <c r="D280" s="5"/>
      <c r="E280" s="5"/>
      <c r="F280" s="9">
        <v>39931</v>
      </c>
      <c r="G280" s="14" t="s">
        <v>816</v>
      </c>
      <c r="H280" s="8"/>
    </row>
    <row r="281" spans="1:8" ht="13.5" customHeight="1" x14ac:dyDescent="0.25">
      <c r="A281" s="5" t="s">
        <v>818</v>
      </c>
      <c r="B281" s="5" t="s">
        <v>389</v>
      </c>
      <c r="C281" s="5"/>
      <c r="D281" s="5" t="s">
        <v>395</v>
      </c>
      <c r="E281" s="5" t="s">
        <v>453</v>
      </c>
      <c r="F281" s="9">
        <v>39982</v>
      </c>
      <c r="G281" s="14" t="s">
        <v>781</v>
      </c>
      <c r="H281" s="8"/>
    </row>
    <row r="282" spans="1:8" ht="13.5" customHeight="1" x14ac:dyDescent="0.25">
      <c r="A282" s="5" t="s">
        <v>805</v>
      </c>
      <c r="B282" s="5" t="s">
        <v>549</v>
      </c>
      <c r="C282" s="5"/>
      <c r="D282" s="5"/>
      <c r="E282" s="5"/>
      <c r="F282" s="9">
        <v>40001</v>
      </c>
      <c r="G282" s="14" t="s">
        <v>819</v>
      </c>
      <c r="H282" s="8"/>
    </row>
    <row r="283" spans="1:8" ht="13.5" customHeight="1" x14ac:dyDescent="0.25">
      <c r="A283" s="5" t="s">
        <v>571</v>
      </c>
      <c r="B283" s="5" t="s">
        <v>790</v>
      </c>
      <c r="C283" s="5"/>
      <c r="D283" s="5"/>
      <c r="E283" s="5"/>
      <c r="F283" s="9">
        <v>40113</v>
      </c>
      <c r="G283" s="14" t="s">
        <v>52</v>
      </c>
      <c r="H283" s="8"/>
    </row>
    <row r="284" spans="1:8" ht="13.5" customHeight="1" x14ac:dyDescent="0.25">
      <c r="A284" s="5" t="s">
        <v>701</v>
      </c>
      <c r="B284" s="5" t="s">
        <v>22</v>
      </c>
      <c r="C284" s="5"/>
      <c r="D284" s="5"/>
      <c r="E284" s="5"/>
      <c r="F284" s="9">
        <v>40205</v>
      </c>
      <c r="G284" s="14" t="s">
        <v>821</v>
      </c>
      <c r="H284" s="8"/>
    </row>
    <row r="285" spans="1:8" ht="13.5" customHeight="1" x14ac:dyDescent="0.25">
      <c r="A285" s="5" t="s">
        <v>469</v>
      </c>
      <c r="B285" s="5" t="s">
        <v>78</v>
      </c>
      <c r="C285" s="5"/>
      <c r="D285" s="5"/>
      <c r="E285" s="5"/>
      <c r="F285" s="9">
        <v>40211</v>
      </c>
      <c r="G285" s="14" t="s">
        <v>815</v>
      </c>
      <c r="H285" s="8"/>
    </row>
    <row r="286" spans="1:8" ht="13.5" customHeight="1" x14ac:dyDescent="0.25">
      <c r="A286" s="5" t="s">
        <v>823</v>
      </c>
      <c r="B286" s="5" t="s">
        <v>824</v>
      </c>
      <c r="C286" s="5" t="s">
        <v>411</v>
      </c>
      <c r="D286" s="5"/>
      <c r="E286" s="5"/>
      <c r="F286" s="9">
        <v>40281</v>
      </c>
      <c r="G286" s="14" t="s">
        <v>614</v>
      </c>
      <c r="H286" s="8"/>
    </row>
    <row r="287" spans="1:8" ht="13.5" customHeight="1" x14ac:dyDescent="0.25">
      <c r="A287" s="5" t="s">
        <v>271</v>
      </c>
      <c r="B287" s="5" t="s">
        <v>35</v>
      </c>
      <c r="C287" s="5"/>
      <c r="D287" s="5"/>
      <c r="E287" s="5"/>
      <c r="F287" s="9">
        <v>40288</v>
      </c>
      <c r="G287" s="14" t="s">
        <v>760</v>
      </c>
      <c r="H287" s="8"/>
    </row>
    <row r="288" spans="1:8" ht="13.5" customHeight="1" x14ac:dyDescent="0.25">
      <c r="A288" s="5" t="s">
        <v>706</v>
      </c>
      <c r="B288" s="5" t="s">
        <v>825</v>
      </c>
      <c r="C288" s="5" t="s">
        <v>826</v>
      </c>
      <c r="D288" s="5"/>
      <c r="E288" s="5"/>
      <c r="F288" s="9">
        <v>40296</v>
      </c>
      <c r="G288" s="14" t="s">
        <v>702</v>
      </c>
      <c r="H288" s="8"/>
    </row>
    <row r="289" spans="1:8" ht="13.5" customHeight="1" x14ac:dyDescent="0.25">
      <c r="A289" s="5" t="s">
        <v>828</v>
      </c>
      <c r="B289" s="5" t="s">
        <v>639</v>
      </c>
      <c r="C289" s="5"/>
      <c r="D289" s="5"/>
      <c r="E289" s="5"/>
      <c r="F289" s="9">
        <v>40382</v>
      </c>
      <c r="G289" s="14" t="s">
        <v>829</v>
      </c>
      <c r="H289" s="8"/>
    </row>
    <row r="290" spans="1:8" ht="13.5" customHeight="1" x14ac:dyDescent="0.25">
      <c r="A290" s="5" t="s">
        <v>636</v>
      </c>
      <c r="B290" s="5" t="s">
        <v>148</v>
      </c>
      <c r="C290" s="5"/>
      <c r="D290" s="5"/>
      <c r="E290" s="5"/>
      <c r="F290" s="9">
        <v>40477</v>
      </c>
      <c r="G290" s="14" t="s">
        <v>130</v>
      </c>
      <c r="H290" s="8"/>
    </row>
    <row r="291" spans="1:8" ht="13.5" customHeight="1" x14ac:dyDescent="0.25">
      <c r="A291" s="5" t="s">
        <v>675</v>
      </c>
      <c r="B291" s="5" t="s">
        <v>595</v>
      </c>
      <c r="C291" s="5" t="s">
        <v>601</v>
      </c>
      <c r="D291" s="5"/>
      <c r="E291" s="5"/>
      <c r="F291" s="9">
        <v>40477</v>
      </c>
      <c r="G291" s="14" t="s">
        <v>799</v>
      </c>
      <c r="H291" s="8"/>
    </row>
    <row r="292" spans="1:8" ht="13.5" customHeight="1" x14ac:dyDescent="0.25">
      <c r="A292" s="5" t="s">
        <v>830</v>
      </c>
      <c r="B292" s="5" t="s">
        <v>831</v>
      </c>
      <c r="C292" s="5" t="s">
        <v>832</v>
      </c>
      <c r="D292" s="5"/>
      <c r="E292" s="5"/>
      <c r="F292" s="9">
        <v>40485</v>
      </c>
      <c r="G292" s="14" t="s">
        <v>282</v>
      </c>
      <c r="H292" s="8"/>
    </row>
    <row r="293" spans="1:8" ht="13.5" customHeight="1" x14ac:dyDescent="0.25">
      <c r="A293" s="5" t="s">
        <v>731</v>
      </c>
      <c r="B293" s="5" t="s">
        <v>817</v>
      </c>
      <c r="C293" s="5" t="s">
        <v>658</v>
      </c>
      <c r="D293" s="5"/>
      <c r="E293" s="5"/>
      <c r="F293" s="9">
        <v>40495</v>
      </c>
      <c r="G293" s="14" t="s">
        <v>833</v>
      </c>
      <c r="H293" s="8"/>
    </row>
    <row r="294" spans="1:8" ht="13.5" customHeight="1" x14ac:dyDescent="0.25">
      <c r="A294" s="5" t="s">
        <v>558</v>
      </c>
      <c r="B294" s="5" t="s">
        <v>119</v>
      </c>
      <c r="C294" s="5" t="s">
        <v>834</v>
      </c>
      <c r="D294" s="5" t="s">
        <v>835</v>
      </c>
      <c r="E294" s="5" t="s">
        <v>358</v>
      </c>
      <c r="F294" s="9">
        <v>40554</v>
      </c>
      <c r="G294" s="14" t="s">
        <v>385</v>
      </c>
      <c r="H294" s="8"/>
    </row>
    <row r="295" spans="1:8" ht="13.5" customHeight="1" x14ac:dyDescent="0.25">
      <c r="A295" s="5" t="s">
        <v>836</v>
      </c>
      <c r="B295" s="5" t="s">
        <v>556</v>
      </c>
      <c r="C295" s="5"/>
      <c r="D295" s="5"/>
      <c r="E295" s="5"/>
      <c r="F295" s="9">
        <v>40645</v>
      </c>
      <c r="G295" s="14" t="s">
        <v>157</v>
      </c>
      <c r="H295" s="8"/>
    </row>
    <row r="296" spans="1:8" ht="13.5" customHeight="1" x14ac:dyDescent="0.25">
      <c r="A296" s="5" t="s">
        <v>625</v>
      </c>
      <c r="B296" s="5" t="s">
        <v>486</v>
      </c>
      <c r="C296" s="5"/>
      <c r="D296" s="5"/>
      <c r="E296" s="5"/>
      <c r="F296" s="9">
        <v>40688</v>
      </c>
      <c r="G296" s="14" t="s">
        <v>837</v>
      </c>
      <c r="H296" s="8"/>
    </row>
    <row r="297" spans="1:8" ht="13.5" customHeight="1" x14ac:dyDescent="0.25">
      <c r="A297" s="5" t="s">
        <v>838</v>
      </c>
      <c r="B297" s="5" t="s">
        <v>27</v>
      </c>
      <c r="C297" s="5"/>
      <c r="D297" s="5"/>
      <c r="E297" s="5"/>
      <c r="F297" s="9">
        <v>40802</v>
      </c>
      <c r="G297" s="14" t="s">
        <v>839</v>
      </c>
      <c r="H297" s="8"/>
    </row>
    <row r="298" spans="1:8" ht="13.5" customHeight="1" x14ac:dyDescent="0.25">
      <c r="A298" s="5" t="s">
        <v>841</v>
      </c>
      <c r="B298" s="5" t="s">
        <v>91</v>
      </c>
      <c r="C298" s="5" t="s">
        <v>842</v>
      </c>
      <c r="D298" s="5"/>
      <c r="E298" s="5"/>
      <c r="F298" s="9">
        <v>41027</v>
      </c>
      <c r="G298" s="14" t="s">
        <v>293</v>
      </c>
      <c r="H298" s="8"/>
    </row>
    <row r="299" spans="1:8" ht="13.5" customHeight="1" x14ac:dyDescent="0.25">
      <c r="A299" s="5" t="s">
        <v>843</v>
      </c>
      <c r="B299" s="5" t="s">
        <v>163</v>
      </c>
      <c r="C299" s="5"/>
      <c r="D299" s="5"/>
      <c r="E299" s="5"/>
      <c r="F299" s="9">
        <v>41040</v>
      </c>
      <c r="G299" s="14" t="s">
        <v>577</v>
      </c>
      <c r="H299" s="8"/>
    </row>
    <row r="300" spans="1:8" ht="13.5" customHeight="1" x14ac:dyDescent="0.25">
      <c r="A300" s="5" t="s">
        <v>232</v>
      </c>
      <c r="B300" s="5" t="s">
        <v>522</v>
      </c>
      <c r="C300" s="5"/>
      <c r="D300" s="5"/>
      <c r="E300" s="5"/>
      <c r="F300" s="9">
        <v>41065</v>
      </c>
      <c r="G300" s="14" t="s">
        <v>173</v>
      </c>
      <c r="H300" s="8"/>
    </row>
    <row r="301" spans="1:8" ht="13.5" customHeight="1" x14ac:dyDescent="0.25">
      <c r="A301" s="5" t="s">
        <v>441</v>
      </c>
      <c r="B301" s="5" t="s">
        <v>177</v>
      </c>
      <c r="C301" s="5"/>
      <c r="D301" s="5"/>
      <c r="E301" s="5"/>
      <c r="F301" s="9">
        <v>41158</v>
      </c>
      <c r="G301" s="14" t="s">
        <v>99</v>
      </c>
      <c r="H301" s="8"/>
    </row>
    <row r="302" spans="1:8" ht="13.5" customHeight="1" x14ac:dyDescent="0.25">
      <c r="A302" s="5" t="s">
        <v>844</v>
      </c>
      <c r="B302" s="5" t="s">
        <v>82</v>
      </c>
      <c r="C302" s="5"/>
      <c r="D302" s="5"/>
      <c r="E302" s="5"/>
      <c r="F302" s="9">
        <v>41262</v>
      </c>
      <c r="G302" s="14" t="s">
        <v>845</v>
      </c>
      <c r="H302" s="8"/>
    </row>
    <row r="303" spans="1:8" ht="13.5" customHeight="1" x14ac:dyDescent="0.25">
      <c r="A303" s="5" t="s">
        <v>846</v>
      </c>
      <c r="B303" s="5" t="s">
        <v>692</v>
      </c>
      <c r="C303" s="5"/>
      <c r="D303" s="5"/>
      <c r="E303" s="5"/>
      <c r="F303" s="9">
        <v>41317</v>
      </c>
      <c r="G303" s="14" t="s">
        <v>847</v>
      </c>
      <c r="H303" s="8"/>
    </row>
    <row r="304" spans="1:8" ht="13.5" customHeight="1" x14ac:dyDescent="0.25">
      <c r="A304" s="5" t="s">
        <v>573</v>
      </c>
      <c r="B304" s="5" t="s">
        <v>41</v>
      </c>
      <c r="C304" s="5"/>
      <c r="D304" s="5"/>
      <c r="E304" s="5"/>
      <c r="F304" s="9">
        <v>41338</v>
      </c>
      <c r="G304" s="14" t="s">
        <v>305</v>
      </c>
      <c r="H304" s="8"/>
    </row>
    <row r="305" spans="1:8" ht="13.5" customHeight="1" x14ac:dyDescent="0.25">
      <c r="A305" s="5" t="s">
        <v>140</v>
      </c>
      <c r="B305" s="5" t="s">
        <v>848</v>
      </c>
      <c r="C305" s="5"/>
      <c r="D305" s="5"/>
      <c r="E305" s="5"/>
      <c r="F305" s="9">
        <v>41522</v>
      </c>
      <c r="G305" s="14" t="s">
        <v>849</v>
      </c>
      <c r="H305" s="8"/>
    </row>
    <row r="306" spans="1:8" ht="13.5" customHeight="1" x14ac:dyDescent="0.25">
      <c r="A306" s="5" t="s">
        <v>399</v>
      </c>
      <c r="B306" s="5" t="s">
        <v>181</v>
      </c>
      <c r="C306" s="5"/>
      <c r="D306" s="5"/>
      <c r="E306" s="5"/>
      <c r="F306" s="9">
        <v>41539</v>
      </c>
      <c r="G306" s="14" t="s">
        <v>332</v>
      </c>
      <c r="H306" s="8"/>
    </row>
    <row r="307" spans="1:8" ht="13.5" customHeight="1" x14ac:dyDescent="0.25">
      <c r="A307" s="5" t="s">
        <v>5</v>
      </c>
      <c r="B307" s="5" t="s">
        <v>785</v>
      </c>
      <c r="C307" s="5"/>
      <c r="D307" s="5"/>
      <c r="E307" s="5"/>
      <c r="F307" s="9">
        <v>41588</v>
      </c>
      <c r="G307" s="14" t="s">
        <v>851</v>
      </c>
      <c r="H307" s="8"/>
    </row>
    <row r="308" spans="1:8" ht="13.5" customHeight="1" x14ac:dyDescent="0.25">
      <c r="A308" s="5" t="s">
        <v>334</v>
      </c>
      <c r="B308" s="5" t="s">
        <v>742</v>
      </c>
      <c r="C308" s="5"/>
      <c r="D308" s="5"/>
      <c r="E308" s="5"/>
      <c r="F308" s="9">
        <v>41640</v>
      </c>
      <c r="G308" s="14" t="s">
        <v>278</v>
      </c>
      <c r="H308" s="8"/>
    </row>
    <row r="309" spans="1:8" ht="13.5" customHeight="1" x14ac:dyDescent="0.25">
      <c r="A309" s="5" t="s">
        <v>852</v>
      </c>
      <c r="B309" s="5" t="s">
        <v>853</v>
      </c>
      <c r="C309" s="5"/>
      <c r="D309" s="5"/>
      <c r="E309" s="5"/>
      <c r="F309" s="9">
        <v>41664</v>
      </c>
      <c r="G309" s="14" t="s">
        <v>676</v>
      </c>
      <c r="H309" s="8"/>
    </row>
    <row r="310" spans="1:8" ht="13.5" customHeight="1" x14ac:dyDescent="0.25">
      <c r="A310" s="5" t="s">
        <v>520</v>
      </c>
      <c r="B310" s="5" t="s">
        <v>57</v>
      </c>
      <c r="C310" s="5"/>
      <c r="D310" s="5"/>
      <c r="E310" s="5"/>
      <c r="F310" s="9">
        <v>41733</v>
      </c>
      <c r="G310" s="14" t="s">
        <v>854</v>
      </c>
      <c r="H310" s="8"/>
    </row>
    <row r="311" spans="1:8" ht="13.5" customHeight="1" x14ac:dyDescent="0.25">
      <c r="A311" s="5" t="s">
        <v>855</v>
      </c>
      <c r="B311" s="5" t="s">
        <v>856</v>
      </c>
      <c r="C311" s="5"/>
      <c r="D311" s="5"/>
      <c r="E311" s="5"/>
      <c r="F311" s="9">
        <v>41752</v>
      </c>
      <c r="G311" s="14" t="s">
        <v>664</v>
      </c>
      <c r="H311" s="8"/>
    </row>
    <row r="312" spans="1:8" ht="13.5" customHeight="1" x14ac:dyDescent="0.25">
      <c r="A312" s="5" t="s">
        <v>857</v>
      </c>
      <c r="B312" s="5" t="s">
        <v>74</v>
      </c>
      <c r="C312" s="5"/>
      <c r="D312" s="5"/>
      <c r="E312" s="5"/>
      <c r="F312" s="9">
        <v>41782</v>
      </c>
      <c r="G312" s="14" t="s">
        <v>166</v>
      </c>
      <c r="H312" s="8"/>
    </row>
    <row r="313" spans="1:8" ht="13.5" customHeight="1" x14ac:dyDescent="0.25">
      <c r="A313" s="5" t="s">
        <v>858</v>
      </c>
      <c r="B313" s="5" t="s">
        <v>146</v>
      </c>
      <c r="C313" s="5"/>
      <c r="D313" s="5"/>
      <c r="E313" s="5"/>
      <c r="F313" s="9">
        <v>41844</v>
      </c>
      <c r="G313" s="14" t="s">
        <v>563</v>
      </c>
      <c r="H313" s="8"/>
    </row>
    <row r="314" spans="1:8" ht="13.5" customHeight="1" x14ac:dyDescent="0.25">
      <c r="A314" s="5" t="s">
        <v>859</v>
      </c>
      <c r="B314" s="5" t="s">
        <v>275</v>
      </c>
      <c r="C314" s="5"/>
      <c r="D314" s="5"/>
      <c r="E314" s="5"/>
      <c r="F314" s="9">
        <v>41858</v>
      </c>
      <c r="G314" s="14" t="s">
        <v>850</v>
      </c>
      <c r="H314" s="8"/>
    </row>
    <row r="315" spans="1:8" ht="13.5" customHeight="1" x14ac:dyDescent="0.25">
      <c r="A315" s="5" t="s">
        <v>145</v>
      </c>
      <c r="B315" s="5" t="s">
        <v>860</v>
      </c>
      <c r="C315" s="5"/>
      <c r="D315" s="5"/>
      <c r="E315" s="5"/>
      <c r="F315" s="9">
        <v>41891</v>
      </c>
      <c r="G315" s="14" t="s">
        <v>861</v>
      </c>
      <c r="H315" s="8"/>
    </row>
    <row r="316" spans="1:8" ht="13.5" customHeight="1" x14ac:dyDescent="0.25">
      <c r="A316" s="5" t="s">
        <v>179</v>
      </c>
      <c r="B316" s="5" t="s">
        <v>711</v>
      </c>
      <c r="C316" s="5"/>
      <c r="D316" s="5"/>
      <c r="E316" s="5"/>
      <c r="F316" s="9">
        <v>41893</v>
      </c>
      <c r="G316" s="14" t="s">
        <v>217</v>
      </c>
      <c r="H316" s="8"/>
    </row>
    <row r="317" spans="1:8" ht="13.5" customHeight="1" x14ac:dyDescent="0.25">
      <c r="A317" s="5" t="s">
        <v>795</v>
      </c>
      <c r="B317" s="5" t="s">
        <v>43</v>
      </c>
      <c r="C317" s="5"/>
      <c r="D317" s="5"/>
      <c r="E317" s="5"/>
      <c r="F317" s="9">
        <v>41970</v>
      </c>
      <c r="G317" s="14" t="s">
        <v>371</v>
      </c>
      <c r="H317" s="8"/>
    </row>
    <row r="318" spans="1:8" ht="13.5" customHeight="1" x14ac:dyDescent="0.25">
      <c r="A318" s="5" t="s">
        <v>863</v>
      </c>
      <c r="B318" s="5" t="s">
        <v>14</v>
      </c>
      <c r="C318" s="5"/>
      <c r="D318" s="5"/>
      <c r="E318" s="5"/>
      <c r="F318" s="9">
        <v>41990</v>
      </c>
      <c r="G318" s="14" t="s">
        <v>864</v>
      </c>
      <c r="H318" s="8"/>
    </row>
    <row r="319" spans="1:8" ht="13.5" customHeight="1" x14ac:dyDescent="0.25">
      <c r="A319" s="5" t="s">
        <v>865</v>
      </c>
      <c r="B319" s="5" t="s">
        <v>666</v>
      </c>
      <c r="C319" s="5"/>
      <c r="D319" s="5"/>
      <c r="E319" s="5"/>
      <c r="F319" s="9">
        <v>42095</v>
      </c>
      <c r="G319" s="14" t="s">
        <v>539</v>
      </c>
      <c r="H319" s="8"/>
    </row>
    <row r="320" spans="1:8" ht="13.5" customHeight="1" x14ac:dyDescent="0.25">
      <c r="A320" s="5" t="s">
        <v>73</v>
      </c>
      <c r="B320" s="5" t="s">
        <v>866</v>
      </c>
      <c r="C320" s="5"/>
      <c r="D320" s="5"/>
      <c r="E320" s="5"/>
      <c r="F320" s="9">
        <v>42106</v>
      </c>
      <c r="G320" s="14" t="s">
        <v>576</v>
      </c>
      <c r="H320" s="8"/>
    </row>
    <row r="321" spans="1:8" ht="13.5" customHeight="1" x14ac:dyDescent="0.25">
      <c r="A321" s="5" t="s">
        <v>868</v>
      </c>
      <c r="B321" s="5" t="s">
        <v>586</v>
      </c>
      <c r="C321" s="5"/>
      <c r="D321" s="5"/>
      <c r="E321" s="5"/>
      <c r="F321" s="9">
        <v>42150</v>
      </c>
      <c r="G321" s="14" t="s">
        <v>421</v>
      </c>
      <c r="H321" s="8"/>
    </row>
    <row r="322" spans="1:8" ht="13.5" customHeight="1" x14ac:dyDescent="0.25">
      <c r="A322" s="5" t="s">
        <v>869</v>
      </c>
      <c r="B322" s="5" t="s">
        <v>49</v>
      </c>
      <c r="C322" s="5" t="s">
        <v>516</v>
      </c>
      <c r="D322" s="5"/>
      <c r="E322" s="5"/>
      <c r="F322" s="9">
        <v>42234</v>
      </c>
      <c r="G322" s="14" t="s">
        <v>588</v>
      </c>
      <c r="H322" s="8"/>
    </row>
    <row r="323" spans="1:8" ht="13.5" customHeight="1" x14ac:dyDescent="0.25">
      <c r="A323" s="5" t="s">
        <v>243</v>
      </c>
      <c r="B323" s="5" t="s">
        <v>870</v>
      </c>
      <c r="C323" s="5"/>
      <c r="D323" s="5"/>
      <c r="E323" s="5"/>
      <c r="F323" s="9">
        <v>42257</v>
      </c>
      <c r="G323" s="14" t="s">
        <v>235</v>
      </c>
      <c r="H323" s="8"/>
    </row>
    <row r="324" spans="1:8" ht="13.5" customHeight="1" x14ac:dyDescent="0.25">
      <c r="A324" s="5" t="s">
        <v>113</v>
      </c>
      <c r="B324" s="5" t="s">
        <v>871</v>
      </c>
      <c r="C324" s="5"/>
      <c r="D324" s="5"/>
      <c r="E324" s="5"/>
      <c r="F324" s="9">
        <v>42258</v>
      </c>
      <c r="G324" s="14" t="s">
        <v>872</v>
      </c>
      <c r="H324" s="8"/>
    </row>
    <row r="325" spans="1:8" ht="13.5" customHeight="1" x14ac:dyDescent="0.25">
      <c r="A325" s="5" t="s">
        <v>873</v>
      </c>
      <c r="B325" s="5" t="s">
        <v>874</v>
      </c>
      <c r="C325" s="5" t="s">
        <v>578</v>
      </c>
      <c r="D325" s="5" t="s">
        <v>938</v>
      </c>
      <c r="E325" s="5" t="s">
        <v>342</v>
      </c>
      <c r="F325" s="9">
        <v>42286</v>
      </c>
      <c r="G325" s="14" t="s">
        <v>875</v>
      </c>
      <c r="H325" s="8"/>
    </row>
    <row r="326" spans="1:8" ht="13.5" customHeight="1" x14ac:dyDescent="0.25">
      <c r="A326" s="5" t="s">
        <v>802</v>
      </c>
      <c r="B326" s="5" t="s">
        <v>524</v>
      </c>
      <c r="C326" s="5"/>
      <c r="D326" s="5"/>
      <c r="E326" s="5"/>
      <c r="F326" s="9">
        <v>42286</v>
      </c>
      <c r="G326" s="14" t="s">
        <v>501</v>
      </c>
      <c r="H326" s="8"/>
    </row>
    <row r="327" spans="1:8" ht="13.5" customHeight="1" x14ac:dyDescent="0.25">
      <c r="A327" s="5" t="s">
        <v>876</v>
      </c>
      <c r="B327" s="5" t="s">
        <v>509</v>
      </c>
      <c r="C327" s="5"/>
      <c r="D327" s="5"/>
      <c r="E327" s="5"/>
      <c r="F327" s="9">
        <v>42296</v>
      </c>
      <c r="G327" s="14" t="s">
        <v>681</v>
      </c>
      <c r="H327" s="8"/>
    </row>
    <row r="328" spans="1:8" ht="13.5" customHeight="1" x14ac:dyDescent="0.25">
      <c r="A328" s="5" t="s">
        <v>94</v>
      </c>
      <c r="B328" s="5" t="s">
        <v>296</v>
      </c>
      <c r="C328" s="5"/>
      <c r="D328" s="5"/>
      <c r="E328" s="5"/>
      <c r="F328" s="9">
        <v>42322</v>
      </c>
      <c r="G328" s="14" t="s">
        <v>669</v>
      </c>
      <c r="H328" s="8"/>
    </row>
    <row r="329" spans="1:8" ht="13.5" customHeight="1" x14ac:dyDescent="0.25">
      <c r="A329" s="5" t="s">
        <v>878</v>
      </c>
      <c r="B329" s="5" t="s">
        <v>879</v>
      </c>
      <c r="C329" s="5"/>
      <c r="D329" s="5" t="s">
        <v>880</v>
      </c>
      <c r="E329" s="5" t="s">
        <v>715</v>
      </c>
      <c r="F329" s="9">
        <v>42327</v>
      </c>
      <c r="G329" s="14" t="s">
        <v>881</v>
      </c>
      <c r="H329" s="8"/>
    </row>
    <row r="330" spans="1:8" ht="13.5" customHeight="1" x14ac:dyDescent="0.25">
      <c r="A330" s="5" t="s">
        <v>737</v>
      </c>
      <c r="B330" s="5" t="s">
        <v>98</v>
      </c>
      <c r="C330" s="5"/>
      <c r="D330" s="5"/>
      <c r="E330" s="5"/>
      <c r="F330" s="9">
        <v>42412</v>
      </c>
      <c r="G330" s="14" t="s">
        <v>320</v>
      </c>
      <c r="H330" s="8"/>
    </row>
    <row r="331" spans="1:8" ht="13.5" customHeight="1" x14ac:dyDescent="0.25">
      <c r="A331" s="5" t="s">
        <v>882</v>
      </c>
      <c r="B331" s="5" t="s">
        <v>408</v>
      </c>
      <c r="C331" s="5"/>
      <c r="D331" s="5"/>
      <c r="E331" s="5"/>
      <c r="F331" s="9">
        <v>42418</v>
      </c>
      <c r="G331" s="14" t="s">
        <v>117</v>
      </c>
      <c r="H331" s="8"/>
    </row>
    <row r="332" spans="1:8" ht="13.5" customHeight="1" x14ac:dyDescent="0.25">
      <c r="A332" s="5" t="s">
        <v>884</v>
      </c>
      <c r="B332" s="5" t="s">
        <v>389</v>
      </c>
      <c r="C332" s="5" t="s">
        <v>885</v>
      </c>
      <c r="D332" s="5" t="s">
        <v>325</v>
      </c>
      <c r="E332" s="5" t="s">
        <v>886</v>
      </c>
      <c r="F332" s="9">
        <v>42719</v>
      </c>
      <c r="G332" s="14" t="s">
        <v>887</v>
      </c>
      <c r="H332" s="8"/>
    </row>
    <row r="333" spans="1:8" ht="13.5" customHeight="1" x14ac:dyDescent="0.25">
      <c r="A333" s="5" t="s">
        <v>883</v>
      </c>
      <c r="B333" s="5" t="s">
        <v>627</v>
      </c>
      <c r="C333" s="5"/>
      <c r="D333" s="5"/>
      <c r="E333" s="5"/>
      <c r="F333" s="9">
        <v>42736</v>
      </c>
      <c r="G333" s="14" t="s">
        <v>419</v>
      </c>
      <c r="H333" s="8"/>
    </row>
    <row r="334" spans="1:8" ht="13.5" customHeight="1" x14ac:dyDescent="0.25">
      <c r="A334" s="5" t="s">
        <v>414</v>
      </c>
      <c r="B334" s="5" t="s">
        <v>888</v>
      </c>
      <c r="C334" s="5"/>
      <c r="D334" s="5"/>
      <c r="E334" s="5"/>
      <c r="F334" s="9">
        <v>42826</v>
      </c>
      <c r="G334" s="14" t="s">
        <v>90</v>
      </c>
      <c r="H334" s="8"/>
    </row>
    <row r="335" spans="1:8" ht="13.5" customHeight="1" x14ac:dyDescent="0.25">
      <c r="A335" s="5" t="s">
        <v>877</v>
      </c>
      <c r="B335" s="5" t="s">
        <v>83</v>
      </c>
      <c r="C335" s="5"/>
      <c r="D335" s="5"/>
      <c r="E335" s="5"/>
      <c r="F335" s="9">
        <v>42826</v>
      </c>
      <c r="G335" s="14" t="s">
        <v>895</v>
      </c>
      <c r="H335" s="8"/>
    </row>
    <row r="336" spans="1:8" ht="13.5" customHeight="1" x14ac:dyDescent="0.25">
      <c r="A336" s="5" t="s">
        <v>889</v>
      </c>
      <c r="B336" s="5" t="s">
        <v>890</v>
      </c>
      <c r="C336" s="5"/>
      <c r="D336" s="5" t="s">
        <v>891</v>
      </c>
      <c r="E336" s="5" t="s">
        <v>892</v>
      </c>
      <c r="F336" s="9">
        <v>42828</v>
      </c>
      <c r="G336" s="14" t="s">
        <v>650</v>
      </c>
      <c r="H336" s="8"/>
    </row>
    <row r="337" spans="1:8" ht="13.5" customHeight="1" x14ac:dyDescent="0.25">
      <c r="A337" s="5" t="s">
        <v>896</v>
      </c>
      <c r="B337" s="5" t="s">
        <v>502</v>
      </c>
      <c r="C337" s="5"/>
      <c r="D337" s="5"/>
      <c r="E337" s="5"/>
      <c r="F337" s="9">
        <v>42842</v>
      </c>
      <c r="G337" s="14" t="s">
        <v>897</v>
      </c>
      <c r="H337" s="8"/>
    </row>
    <row r="338" spans="1:8" ht="13.5" customHeight="1" x14ac:dyDescent="0.25">
      <c r="A338" s="5" t="s">
        <v>822</v>
      </c>
      <c r="B338" s="5" t="s">
        <v>893</v>
      </c>
      <c r="C338" s="5"/>
      <c r="D338" s="5"/>
      <c r="E338" s="5"/>
      <c r="F338" s="9">
        <v>42864</v>
      </c>
      <c r="G338" s="14" t="s">
        <v>202</v>
      </c>
      <c r="H338" s="8"/>
    </row>
    <row r="339" spans="1:8" ht="13.5" customHeight="1" x14ac:dyDescent="0.25">
      <c r="A339" s="5" t="s">
        <v>20</v>
      </c>
      <c r="B339" s="5" t="s">
        <v>496</v>
      </c>
      <c r="C339" s="5"/>
      <c r="D339" s="5"/>
      <c r="E339" s="5"/>
      <c r="F339" s="9">
        <v>42985</v>
      </c>
      <c r="G339" s="14" t="s">
        <v>456</v>
      </c>
      <c r="H339" s="8"/>
    </row>
    <row r="340" spans="1:8" ht="13.5" customHeight="1" x14ac:dyDescent="0.25">
      <c r="A340" s="5" t="s">
        <v>898</v>
      </c>
      <c r="B340" s="5" t="s">
        <v>290</v>
      </c>
      <c r="C340" s="5" t="s">
        <v>899</v>
      </c>
      <c r="D340" s="5"/>
      <c r="E340" s="5"/>
      <c r="F340" s="9">
        <v>43077</v>
      </c>
      <c r="G340" s="14" t="s">
        <v>606</v>
      </c>
      <c r="H340" s="8"/>
    </row>
    <row r="341" spans="1:8" ht="13.5" customHeight="1" x14ac:dyDescent="0.25">
      <c r="A341" s="5" t="s">
        <v>249</v>
      </c>
      <c r="B341" s="5" t="s">
        <v>59</v>
      </c>
      <c r="C341" s="5"/>
      <c r="D341" s="5"/>
      <c r="E341" s="5"/>
      <c r="F341" s="9">
        <v>43077</v>
      </c>
      <c r="G341" s="14" t="s">
        <v>900</v>
      </c>
      <c r="H341" s="8"/>
    </row>
    <row r="342" spans="1:8" ht="13.5" customHeight="1" x14ac:dyDescent="0.25">
      <c r="A342" s="5" t="s">
        <v>380</v>
      </c>
      <c r="B342" s="5" t="s">
        <v>97</v>
      </c>
      <c r="C342" s="5"/>
      <c r="D342" s="5"/>
      <c r="E342" s="5"/>
      <c r="F342" s="9">
        <v>43103</v>
      </c>
      <c r="G342" s="14" t="s">
        <v>1</v>
      </c>
      <c r="H342" s="8"/>
    </row>
    <row r="343" spans="1:8" ht="13.5" customHeight="1" x14ac:dyDescent="0.25">
      <c r="A343" s="5" t="s">
        <v>901</v>
      </c>
      <c r="B343" s="5" t="s">
        <v>804</v>
      </c>
      <c r="C343" s="5"/>
      <c r="D343" s="5"/>
      <c r="E343" s="5"/>
      <c r="F343" s="9">
        <v>43111</v>
      </c>
      <c r="G343" s="14" t="s">
        <v>902</v>
      </c>
      <c r="H343" s="8"/>
    </row>
    <row r="344" spans="1:8" ht="13.5" customHeight="1" x14ac:dyDescent="0.25">
      <c r="A344" s="5" t="s">
        <v>903</v>
      </c>
      <c r="B344" s="5" t="s">
        <v>144</v>
      </c>
      <c r="C344" s="5"/>
      <c r="D344" s="5"/>
      <c r="E344" s="5"/>
      <c r="F344" s="9">
        <v>43122</v>
      </c>
      <c r="G344" s="14" t="s">
        <v>734</v>
      </c>
      <c r="H344" s="8"/>
    </row>
    <row r="345" spans="1:8" ht="13.5" customHeight="1" x14ac:dyDescent="0.25">
      <c r="A345" s="5" t="s">
        <v>258</v>
      </c>
      <c r="B345" s="5" t="s">
        <v>730</v>
      </c>
      <c r="C345" s="5"/>
      <c r="D345" s="5"/>
      <c r="E345" s="5"/>
      <c r="F345" s="9">
        <v>43193</v>
      </c>
      <c r="G345" s="14" t="s">
        <v>333</v>
      </c>
      <c r="H345" s="8"/>
    </row>
    <row r="346" spans="1:8" ht="13.5" customHeight="1" x14ac:dyDescent="0.25">
      <c r="A346" s="5" t="s">
        <v>440</v>
      </c>
      <c r="B346" s="5" t="s">
        <v>904</v>
      </c>
      <c r="C346" s="5"/>
      <c r="D346" s="5" t="s">
        <v>936</v>
      </c>
      <c r="E346" s="5" t="s">
        <v>722</v>
      </c>
      <c r="F346" s="9">
        <v>43317</v>
      </c>
      <c r="G346" s="14" t="s">
        <v>905</v>
      </c>
      <c r="H346" s="8"/>
    </row>
    <row r="347" spans="1:8" ht="13.5" customHeight="1" x14ac:dyDescent="0.25">
      <c r="A347" s="5" t="s">
        <v>274</v>
      </c>
      <c r="B347" s="5" t="s">
        <v>76</v>
      </c>
      <c r="C347" s="5"/>
      <c r="D347" s="5"/>
      <c r="E347" s="5"/>
      <c r="F347" s="9">
        <v>43412</v>
      </c>
      <c r="G347" s="14" t="s">
        <v>906</v>
      </c>
      <c r="H347" s="8"/>
    </row>
    <row r="348" spans="1:8" ht="13.5" customHeight="1" x14ac:dyDescent="0.25">
      <c r="A348" s="5" t="s">
        <v>907</v>
      </c>
      <c r="B348" s="5" t="s">
        <v>908</v>
      </c>
      <c r="C348" s="5"/>
      <c r="D348" s="5"/>
      <c r="E348" s="5"/>
      <c r="F348" s="9">
        <v>43536</v>
      </c>
      <c r="G348" s="14" t="s">
        <v>118</v>
      </c>
      <c r="H348" s="8"/>
    </row>
    <row r="349" spans="1:8" ht="13.5" customHeight="1" x14ac:dyDescent="0.25">
      <c r="A349" s="5" t="s">
        <v>950</v>
      </c>
      <c r="B349" s="5" t="s">
        <v>951</v>
      </c>
      <c r="C349" s="5" t="s">
        <v>840</v>
      </c>
      <c r="D349" s="5" t="s">
        <v>651</v>
      </c>
      <c r="E349" s="5" t="s">
        <v>295</v>
      </c>
      <c r="F349" s="9">
        <v>43670</v>
      </c>
      <c r="G349" s="14" t="s">
        <v>909</v>
      </c>
      <c r="H349" s="8"/>
    </row>
    <row r="350" spans="1:8" ht="13.5" customHeight="1" x14ac:dyDescent="0.25">
      <c r="A350" s="5" t="s">
        <v>691</v>
      </c>
      <c r="B350" s="5" t="s">
        <v>910</v>
      </c>
      <c r="C350" s="5"/>
      <c r="D350" s="5" t="s">
        <v>561</v>
      </c>
      <c r="E350" s="5" t="s">
        <v>911</v>
      </c>
      <c r="F350" s="9">
        <v>43706</v>
      </c>
      <c r="G350" s="15" t="s">
        <v>827</v>
      </c>
      <c r="H350" s="8"/>
    </row>
    <row r="351" spans="1:8" ht="13.5" customHeight="1" x14ac:dyDescent="0.25">
      <c r="A351" s="5" t="s">
        <v>912</v>
      </c>
      <c r="B351" s="5" t="s">
        <v>913</v>
      </c>
      <c r="C351" s="5" t="s">
        <v>914</v>
      </c>
      <c r="D351" s="5" t="s">
        <v>935</v>
      </c>
      <c r="E351" s="5" t="s">
        <v>867</v>
      </c>
      <c r="F351" s="9">
        <v>43755</v>
      </c>
      <c r="G351" s="14" t="s">
        <v>915</v>
      </c>
      <c r="H351" s="8"/>
    </row>
    <row r="352" spans="1:8" ht="13.5" customHeight="1" x14ac:dyDescent="0.25">
      <c r="A352" s="5" t="s">
        <v>916</v>
      </c>
      <c r="B352" s="5" t="s">
        <v>728</v>
      </c>
      <c r="C352" s="5"/>
      <c r="D352" s="5"/>
      <c r="E352" s="5"/>
      <c r="F352" s="9">
        <v>43824</v>
      </c>
      <c r="G352" s="14" t="s">
        <v>655</v>
      </c>
      <c r="H352" s="8"/>
    </row>
    <row r="353" spans="1:8" ht="13.5" customHeight="1" x14ac:dyDescent="0.25">
      <c r="A353" s="5" t="s">
        <v>917</v>
      </c>
      <c r="B353" s="5" t="s">
        <v>196</v>
      </c>
      <c r="C353" s="5"/>
      <c r="D353" s="5"/>
      <c r="E353" s="5"/>
      <c r="F353" s="9">
        <v>43862</v>
      </c>
      <c r="G353" s="14" t="s">
        <v>918</v>
      </c>
      <c r="H353" s="8"/>
    </row>
    <row r="354" spans="1:8" ht="13.5" customHeight="1" x14ac:dyDescent="0.25">
      <c r="A354" s="5" t="s">
        <v>919</v>
      </c>
      <c r="B354" s="5" t="s">
        <v>920</v>
      </c>
      <c r="C354" s="5"/>
      <c r="D354" s="5"/>
      <c r="E354" s="5"/>
      <c r="F354" s="6">
        <v>43897</v>
      </c>
      <c r="G354" s="14" t="s">
        <v>662</v>
      </c>
      <c r="H354" s="8"/>
    </row>
    <row r="355" spans="1:8" ht="13.5" customHeight="1" x14ac:dyDescent="0.25">
      <c r="A355" s="5" t="s">
        <v>925</v>
      </c>
      <c r="B355" s="5" t="s">
        <v>208</v>
      </c>
      <c r="C355" s="5"/>
      <c r="D355" s="5"/>
      <c r="E355" s="5"/>
      <c r="F355" s="6">
        <v>44089</v>
      </c>
      <c r="G355" s="14" t="s">
        <v>152</v>
      </c>
      <c r="H355" s="8"/>
    </row>
    <row r="356" spans="1:8" ht="13.5" customHeight="1" x14ac:dyDescent="0.25">
      <c r="A356" s="5" t="s">
        <v>404</v>
      </c>
      <c r="B356" s="5" t="s">
        <v>926</v>
      </c>
      <c r="C356" s="5"/>
      <c r="D356" s="5"/>
      <c r="E356" s="5"/>
      <c r="F356" s="6">
        <v>44317</v>
      </c>
      <c r="G356" s="14" t="s">
        <v>815</v>
      </c>
      <c r="H356" s="8"/>
    </row>
    <row r="357" spans="1:8" ht="13.5" customHeight="1" x14ac:dyDescent="0.25">
      <c r="A357" s="5" t="s">
        <v>921</v>
      </c>
      <c r="B357" s="5" t="s">
        <v>928</v>
      </c>
      <c r="C357" s="5" t="s">
        <v>642</v>
      </c>
      <c r="D357" s="5" t="s">
        <v>344</v>
      </c>
      <c r="E357" s="5" t="s">
        <v>947</v>
      </c>
      <c r="F357" s="6">
        <v>44461</v>
      </c>
      <c r="G357" s="14" t="s">
        <v>628</v>
      </c>
      <c r="H357" s="8"/>
    </row>
    <row r="358" spans="1:8" ht="13.5" customHeight="1" x14ac:dyDescent="0.25">
      <c r="A358" s="5" t="s">
        <v>569</v>
      </c>
      <c r="B358" s="5" t="s">
        <v>929</v>
      </c>
      <c r="C358" s="5" t="s">
        <v>930</v>
      </c>
      <c r="D358" s="5"/>
      <c r="E358" s="5"/>
      <c r="F358" s="6">
        <v>44484</v>
      </c>
      <c r="G358" s="14" t="s">
        <v>445</v>
      </c>
      <c r="H358" s="8"/>
    </row>
    <row r="359" spans="1:8" ht="13.5" customHeight="1" x14ac:dyDescent="0.25">
      <c r="A359" s="5" t="s">
        <v>941</v>
      </c>
      <c r="B359" s="5" t="s">
        <v>940</v>
      </c>
      <c r="C359" s="5"/>
      <c r="D359" s="5"/>
      <c r="E359" s="5"/>
      <c r="F359" s="6">
        <v>44866</v>
      </c>
      <c r="G359" s="14" t="s">
        <v>954</v>
      </c>
      <c r="H359" s="8"/>
    </row>
    <row r="360" spans="1:8" ht="13.5" customHeight="1" x14ac:dyDescent="0.25">
      <c r="A360" s="5" t="s">
        <v>943</v>
      </c>
      <c r="B360" s="5" t="s">
        <v>367</v>
      </c>
      <c r="C360" s="5"/>
      <c r="D360" s="5"/>
      <c r="E360" s="5"/>
      <c r="F360" s="6">
        <v>44931</v>
      </c>
      <c r="G360" s="14" t="s">
        <v>942</v>
      </c>
      <c r="H360" s="8"/>
    </row>
    <row r="361" spans="1:8" ht="13.5" customHeight="1" x14ac:dyDescent="0.25">
      <c r="A361" s="5" t="s">
        <v>537</v>
      </c>
      <c r="B361" s="5" t="s">
        <v>944</v>
      </c>
      <c r="C361" s="5"/>
      <c r="D361" s="5"/>
      <c r="E361" s="5"/>
      <c r="F361" s="6">
        <v>44999</v>
      </c>
      <c r="G361" s="14" t="s">
        <v>262</v>
      </c>
      <c r="H361" s="8"/>
    </row>
    <row r="362" spans="1:8" ht="13.5" customHeight="1" x14ac:dyDescent="0.25">
      <c r="A362" s="5" t="s">
        <v>945</v>
      </c>
      <c r="B362" s="10" t="s">
        <v>946</v>
      </c>
      <c r="C362" s="5"/>
      <c r="D362" s="5"/>
      <c r="E362" s="5"/>
      <c r="F362" s="6">
        <v>45093</v>
      </c>
      <c r="G362" s="14" t="s">
        <v>953</v>
      </c>
      <c r="H362" s="8"/>
    </row>
    <row r="363" spans="1:8" ht="13.5" customHeight="1" x14ac:dyDescent="0.25">
      <c r="A363" s="5" t="s">
        <v>698</v>
      </c>
      <c r="B363" s="5" t="s">
        <v>949</v>
      </c>
      <c r="C363" s="5"/>
      <c r="D363" s="5"/>
      <c r="E363" s="5"/>
      <c r="F363" s="6">
        <v>45133</v>
      </c>
      <c r="G363" s="14" t="s">
        <v>631</v>
      </c>
      <c r="H363" s="8"/>
    </row>
    <row r="364" spans="1:8" ht="13.5" customHeight="1" x14ac:dyDescent="0.25">
      <c r="A364" s="5" t="s">
        <v>820</v>
      </c>
      <c r="B364" s="5" t="s">
        <v>634</v>
      </c>
      <c r="C364" s="5"/>
      <c r="D364" s="5"/>
      <c r="E364" s="5"/>
      <c r="F364" s="6">
        <v>45280</v>
      </c>
      <c r="G364" s="14" t="s">
        <v>362</v>
      </c>
      <c r="H364" s="8"/>
    </row>
    <row r="365" spans="1:8" ht="13.5" customHeight="1" x14ac:dyDescent="0.25">
      <c r="A365" s="5" t="s">
        <v>955</v>
      </c>
      <c r="B365" s="5" t="s">
        <v>716</v>
      </c>
      <c r="C365" s="5"/>
      <c r="D365" s="5"/>
      <c r="E365" s="5"/>
      <c r="F365" s="6">
        <v>45427</v>
      </c>
      <c r="G365" s="14" t="s">
        <v>956</v>
      </c>
      <c r="H365" s="8"/>
    </row>
    <row r="366" spans="1:8" ht="13.5" customHeight="1" x14ac:dyDescent="0.25">
      <c r="A366" s="5" t="s">
        <v>957</v>
      </c>
      <c r="B366" s="5" t="s">
        <v>536</v>
      </c>
      <c r="C366" s="5"/>
      <c r="D366" s="5"/>
      <c r="E366" s="5"/>
      <c r="F366" s="6">
        <v>45490</v>
      </c>
      <c r="G366" s="14" t="s">
        <v>958</v>
      </c>
      <c r="H366" s="8"/>
    </row>
    <row r="367" spans="1:8" ht="13.5" customHeight="1" x14ac:dyDescent="0.25">
      <c r="A367" s="5" t="s">
        <v>959</v>
      </c>
      <c r="B367" s="5" t="s">
        <v>960</v>
      </c>
      <c r="C367" s="5"/>
      <c r="D367" s="5"/>
      <c r="E367" s="5"/>
      <c r="F367" s="6">
        <v>45520</v>
      </c>
      <c r="G367" s="14" t="s">
        <v>862</v>
      </c>
      <c r="H367" s="8"/>
    </row>
    <row r="368" spans="1:8" ht="13.5" customHeight="1" x14ac:dyDescent="0.25">
      <c r="A368" s="5" t="s">
        <v>961</v>
      </c>
      <c r="B368" s="5" t="s">
        <v>962</v>
      </c>
      <c r="C368" s="5"/>
      <c r="D368" s="5"/>
      <c r="E368" s="5"/>
      <c r="F368" s="6">
        <v>45576</v>
      </c>
      <c r="G368" s="14" t="s">
        <v>963</v>
      </c>
      <c r="H368" s="8"/>
    </row>
    <row r="369" spans="1:8" ht="13.5" customHeight="1" x14ac:dyDescent="0.25">
      <c r="A369" s="5" t="s">
        <v>110</v>
      </c>
      <c r="B369" s="5" t="s">
        <v>347</v>
      </c>
      <c r="C369" s="5" t="s">
        <v>449</v>
      </c>
      <c r="D369" s="5" t="s">
        <v>964</v>
      </c>
      <c r="E369" s="5" t="s">
        <v>492</v>
      </c>
      <c r="F369" s="6">
        <v>45602</v>
      </c>
      <c r="G369" s="14" t="s">
        <v>180</v>
      </c>
      <c r="H369" s="8"/>
    </row>
    <row r="370" spans="1:8" ht="13.5" customHeight="1" x14ac:dyDescent="0.25">
      <c r="A370" s="5" t="s">
        <v>450</v>
      </c>
      <c r="B370" s="5" t="s">
        <v>974</v>
      </c>
      <c r="C370" s="5"/>
      <c r="D370" s="5"/>
      <c r="E370" s="5"/>
      <c r="F370" s="6">
        <v>45769</v>
      </c>
      <c r="G370" s="14" t="s">
        <v>640</v>
      </c>
      <c r="H370" s="8"/>
    </row>
    <row r="371" spans="1:8" x14ac:dyDescent="0.25">
      <c r="A371" s="5" t="s">
        <v>975</v>
      </c>
      <c r="B371" s="5" t="s">
        <v>976</v>
      </c>
      <c r="C371" s="5"/>
      <c r="D371" s="5"/>
      <c r="E371" s="5"/>
      <c r="F371" s="6">
        <v>45849</v>
      </c>
      <c r="G371" s="14" t="s">
        <v>17</v>
      </c>
      <c r="H371" s="8"/>
    </row>
    <row r="372" spans="1:8" ht="13.5" customHeight="1" x14ac:dyDescent="0.25">
      <c r="A372" s="5" t="s">
        <v>77</v>
      </c>
      <c r="B372" s="5" t="s">
        <v>977</v>
      </c>
      <c r="C372" s="5"/>
      <c r="D372" s="5"/>
      <c r="E372" s="5"/>
      <c r="F372" s="11">
        <v>45947</v>
      </c>
      <c r="G372" s="14" t="s">
        <v>978</v>
      </c>
      <c r="H372" s="8"/>
    </row>
    <row r="373" spans="1:8" ht="13.5" customHeight="1" x14ac:dyDescent="0.25">
      <c r="A373" s="5" t="s">
        <v>757</v>
      </c>
      <c r="B373" s="5" t="s">
        <v>979</v>
      </c>
      <c r="C373" s="5"/>
      <c r="D373" s="5"/>
      <c r="E373" s="5"/>
      <c r="F373" s="6">
        <v>46037</v>
      </c>
      <c r="G373" s="14" t="s">
        <v>471</v>
      </c>
      <c r="H373" s="8"/>
    </row>
    <row r="374" spans="1:8" x14ac:dyDescent="0.25">
      <c r="A374" s="8"/>
      <c r="B374" s="8"/>
      <c r="C374" s="8"/>
      <c r="D374" s="8"/>
      <c r="E374" s="8"/>
      <c r="F374" s="12"/>
      <c r="G374" s="13"/>
      <c r="H374" s="8"/>
    </row>
    <row r="375" spans="1:8" x14ac:dyDescent="0.25">
      <c r="A375" s="8"/>
      <c r="B375" s="8"/>
      <c r="C375" s="8"/>
      <c r="D375" s="8"/>
      <c r="E375" s="8"/>
      <c r="F375" s="12"/>
      <c r="G375" s="13"/>
      <c r="H375" s="8"/>
    </row>
    <row r="376" spans="1:8" x14ac:dyDescent="0.25">
      <c r="A376" s="8"/>
      <c r="B376" s="8"/>
      <c r="C376" s="8"/>
      <c r="D376" s="8"/>
      <c r="E376" s="8"/>
      <c r="F376" s="12"/>
      <c r="G376" s="13"/>
      <c r="H376" s="8"/>
    </row>
    <row r="377" spans="1:8" x14ac:dyDescent="0.25">
      <c r="A377" s="8"/>
      <c r="B377" s="8"/>
      <c r="C377" s="8"/>
      <c r="D377" s="8"/>
      <c r="E377" s="8"/>
      <c r="F377" s="12"/>
      <c r="G377" s="13"/>
      <c r="H377" s="8"/>
    </row>
    <row r="378" spans="1:8" x14ac:dyDescent="0.25">
      <c r="A378" s="8"/>
      <c r="B378" s="8"/>
      <c r="C378" s="8"/>
      <c r="D378" s="8"/>
      <c r="E378" s="8"/>
      <c r="F378" s="12"/>
      <c r="G378" s="13"/>
      <c r="H378" s="8"/>
    </row>
    <row r="379" spans="1:8" x14ac:dyDescent="0.25">
      <c r="A379" s="8"/>
      <c r="B379" s="8"/>
      <c r="C379" s="8"/>
      <c r="D379" s="8"/>
      <c r="E379" s="8"/>
      <c r="F379" s="12"/>
      <c r="G379" s="13"/>
      <c r="H379" s="8"/>
    </row>
    <row r="380" spans="1:8" x14ac:dyDescent="0.25">
      <c r="A380" s="8"/>
      <c r="B380" s="8"/>
      <c r="C380" s="8"/>
      <c r="D380" s="8"/>
      <c r="E380" s="8"/>
      <c r="F380" s="12"/>
      <c r="G380" s="13"/>
      <c r="H380" s="8"/>
    </row>
    <row r="381" spans="1:8" x14ac:dyDescent="0.25">
      <c r="A381" s="8"/>
      <c r="B381" s="8"/>
      <c r="C381" s="8"/>
      <c r="D381" s="8"/>
      <c r="E381" s="8"/>
      <c r="F381" s="12"/>
      <c r="G381" s="13"/>
      <c r="H381" s="8"/>
    </row>
    <row r="382" spans="1:8" x14ac:dyDescent="0.25">
      <c r="A382" s="8"/>
      <c r="B382" s="8"/>
      <c r="C382" s="8"/>
      <c r="D382" s="8"/>
      <c r="E382" s="8"/>
      <c r="F382" s="12"/>
      <c r="G382" s="13"/>
      <c r="H382" s="8"/>
    </row>
    <row r="383" spans="1:8" x14ac:dyDescent="0.25">
      <c r="A383" s="8"/>
      <c r="B383" s="8"/>
      <c r="C383" s="8"/>
      <c r="D383" s="8"/>
      <c r="E383" s="8"/>
      <c r="F383" s="12"/>
      <c r="G383" s="13"/>
      <c r="H383" s="8"/>
    </row>
    <row r="384" spans="1:8" x14ac:dyDescent="0.25">
      <c r="A384" s="8"/>
      <c r="B384" s="8"/>
      <c r="C384" s="8"/>
      <c r="D384" s="8"/>
      <c r="E384" s="8"/>
      <c r="F384" s="12"/>
      <c r="G384" s="13"/>
      <c r="H384" s="8"/>
    </row>
    <row r="385" spans="1:8" x14ac:dyDescent="0.25">
      <c r="A385" s="8"/>
      <c r="B385" s="8"/>
      <c r="C385" s="8"/>
      <c r="D385" s="8"/>
      <c r="E385" s="8"/>
      <c r="F385" s="12"/>
      <c r="G385" s="13"/>
      <c r="H385" s="8"/>
    </row>
    <row r="386" spans="1:8" x14ac:dyDescent="0.25">
      <c r="A386" s="8"/>
      <c r="B386" s="8"/>
      <c r="C386" s="8"/>
      <c r="D386" s="8"/>
      <c r="E386" s="8"/>
      <c r="F386" s="12"/>
      <c r="G386" s="13"/>
      <c r="H386" s="8"/>
    </row>
    <row r="387" spans="1:8" x14ac:dyDescent="0.25">
      <c r="A387" s="8"/>
      <c r="B387" s="8"/>
      <c r="C387" s="8"/>
      <c r="D387" s="8"/>
      <c r="E387" s="8"/>
      <c r="F387" s="12"/>
      <c r="G387" s="13"/>
      <c r="H387" s="8"/>
    </row>
    <row r="388" spans="1:8" x14ac:dyDescent="0.25">
      <c r="A388" s="8"/>
      <c r="B388" s="8"/>
      <c r="C388" s="8"/>
      <c r="D388" s="8"/>
      <c r="E388" s="8"/>
      <c r="F388" s="12"/>
      <c r="G388" s="13"/>
      <c r="H388" s="8"/>
    </row>
    <row r="389" spans="1:8" x14ac:dyDescent="0.25">
      <c r="A389" s="8"/>
      <c r="B389" s="8"/>
      <c r="C389" s="8"/>
      <c r="D389" s="8"/>
      <c r="E389" s="8"/>
      <c r="F389" s="12"/>
      <c r="G389" s="13"/>
      <c r="H389" s="8"/>
    </row>
    <row r="390" spans="1:8" x14ac:dyDescent="0.25">
      <c r="A390" s="8"/>
      <c r="B390" s="8"/>
      <c r="C390" s="8"/>
      <c r="D390" s="8"/>
      <c r="E390" s="8"/>
      <c r="F390" s="12"/>
      <c r="G390" s="13"/>
      <c r="H390" s="8"/>
    </row>
    <row r="391" spans="1:8" x14ac:dyDescent="0.25">
      <c r="A391" s="8"/>
      <c r="B391" s="8"/>
      <c r="C391" s="8"/>
      <c r="D391" s="8"/>
      <c r="E391" s="8"/>
      <c r="F391" s="12"/>
      <c r="G391" s="13"/>
      <c r="H391" s="8"/>
    </row>
    <row r="392" spans="1:8" x14ac:dyDescent="0.25">
      <c r="A392" s="8"/>
      <c r="B392" s="8"/>
      <c r="C392" s="8"/>
      <c r="D392" s="8"/>
      <c r="E392" s="8"/>
      <c r="F392" s="12"/>
      <c r="G392" s="13"/>
      <c r="H392" s="8"/>
    </row>
    <row r="393" spans="1:8" x14ac:dyDescent="0.25">
      <c r="A393" s="8"/>
      <c r="B393" s="8"/>
      <c r="C393" s="8"/>
      <c r="D393" s="8"/>
      <c r="E393" s="8"/>
      <c r="F393" s="12"/>
      <c r="G393" s="13"/>
      <c r="H393" s="8"/>
    </row>
    <row r="394" spans="1:8" x14ac:dyDescent="0.25">
      <c r="A394" s="8"/>
      <c r="B394" s="8"/>
      <c r="C394" s="8"/>
      <c r="D394" s="8"/>
      <c r="E394" s="8"/>
      <c r="F394" s="12"/>
      <c r="G394" s="13"/>
      <c r="H394" s="8"/>
    </row>
    <row r="395" spans="1:8" x14ac:dyDescent="0.25">
      <c r="A395" s="8"/>
      <c r="B395" s="8"/>
      <c r="C395" s="8"/>
      <c r="D395" s="8"/>
      <c r="E395" s="8"/>
      <c r="F395" s="12"/>
      <c r="G395" s="13"/>
      <c r="H395" s="8"/>
    </row>
    <row r="396" spans="1:8" x14ac:dyDescent="0.25">
      <c r="A396" s="8"/>
      <c r="B396" s="8"/>
      <c r="C396" s="8"/>
      <c r="D396" s="8"/>
      <c r="E396" s="8"/>
      <c r="F396" s="12"/>
      <c r="G396" s="13"/>
      <c r="H396" s="8"/>
    </row>
    <row r="397" spans="1:8" x14ac:dyDescent="0.25">
      <c r="A397" s="8"/>
      <c r="B397" s="8"/>
      <c r="C397" s="8"/>
      <c r="D397" s="8"/>
      <c r="E397" s="8"/>
      <c r="F397" s="12"/>
      <c r="G397" s="13"/>
      <c r="H397" s="8"/>
    </row>
    <row r="398" spans="1:8" x14ac:dyDescent="0.25">
      <c r="A398" s="8"/>
      <c r="B398" s="8"/>
      <c r="C398" s="8"/>
      <c r="D398" s="8"/>
      <c r="E398" s="8"/>
      <c r="F398" s="12"/>
      <c r="G398" s="13"/>
      <c r="H398" s="8"/>
    </row>
    <row r="399" spans="1:8" x14ac:dyDescent="0.25">
      <c r="A399" s="8"/>
      <c r="B399" s="8"/>
      <c r="C399" s="8"/>
      <c r="D399" s="8"/>
      <c r="E399" s="8"/>
      <c r="F399" s="12"/>
      <c r="G399" s="13"/>
      <c r="H399" s="8"/>
    </row>
    <row r="400" spans="1:8" x14ac:dyDescent="0.25">
      <c r="A400" s="8"/>
      <c r="B400" s="8"/>
      <c r="C400" s="8"/>
      <c r="D400" s="8"/>
      <c r="E400" s="8"/>
      <c r="F400" s="12"/>
      <c r="G400" s="13"/>
      <c r="H400" s="8"/>
    </row>
    <row r="401" spans="1:8" x14ac:dyDescent="0.25">
      <c r="A401" s="8"/>
      <c r="B401" s="8"/>
      <c r="C401" s="8"/>
      <c r="D401" s="8"/>
      <c r="E401" s="8"/>
      <c r="F401" s="12"/>
      <c r="G401" s="13"/>
      <c r="H401" s="8"/>
    </row>
    <row r="402" spans="1:8" x14ac:dyDescent="0.25">
      <c r="A402" s="8"/>
      <c r="B402" s="8"/>
      <c r="C402" s="8"/>
      <c r="D402" s="8"/>
      <c r="E402" s="8"/>
      <c r="F402" s="12"/>
      <c r="G402" s="13"/>
      <c r="H402" s="8"/>
    </row>
    <row r="403" spans="1:8" x14ac:dyDescent="0.25">
      <c r="A403" s="8"/>
      <c r="B403" s="8"/>
      <c r="C403" s="8"/>
      <c r="D403" s="8"/>
      <c r="E403" s="8"/>
      <c r="F403" s="12"/>
      <c r="G403" s="13"/>
      <c r="H403" s="8"/>
    </row>
    <row r="404" spans="1:8" x14ac:dyDescent="0.25">
      <c r="A404" s="8"/>
      <c r="B404" s="8"/>
      <c r="C404" s="8"/>
      <c r="D404" s="8"/>
      <c r="E404" s="8"/>
      <c r="F404" s="12"/>
      <c r="G404" s="13"/>
      <c r="H404" s="8"/>
    </row>
    <row r="405" spans="1:8" x14ac:dyDescent="0.25">
      <c r="A405" s="8"/>
      <c r="B405" s="8"/>
      <c r="C405" s="8"/>
      <c r="D405" s="8"/>
      <c r="E405" s="8"/>
      <c r="F405" s="12"/>
      <c r="G405" s="13"/>
      <c r="H405" s="8"/>
    </row>
    <row r="406" spans="1:8" x14ac:dyDescent="0.25">
      <c r="A406" s="8"/>
      <c r="B406" s="8"/>
      <c r="C406" s="8"/>
      <c r="D406" s="8"/>
      <c r="E406" s="8"/>
      <c r="F406" s="12"/>
      <c r="G406" s="13"/>
      <c r="H406" s="8"/>
    </row>
    <row r="407" spans="1:8" x14ac:dyDescent="0.25">
      <c r="A407" s="8"/>
      <c r="B407" s="8"/>
      <c r="C407" s="8"/>
      <c r="D407" s="8"/>
      <c r="E407" s="8"/>
      <c r="F407" s="12"/>
      <c r="G407" s="13"/>
      <c r="H407" s="8"/>
    </row>
    <row r="408" spans="1:8" x14ac:dyDescent="0.25">
      <c r="A408" s="8"/>
      <c r="B408" s="8"/>
      <c r="C408" s="8"/>
      <c r="D408" s="8"/>
      <c r="E408" s="8"/>
      <c r="F408" s="12"/>
      <c r="G408" s="13"/>
      <c r="H408" s="8"/>
    </row>
    <row r="409" spans="1:8" x14ac:dyDescent="0.25">
      <c r="A409" s="8"/>
      <c r="B409" s="8"/>
      <c r="C409" s="8"/>
      <c r="D409" s="8"/>
      <c r="E409" s="8"/>
      <c r="F409" s="12"/>
      <c r="G409" s="13"/>
      <c r="H409" s="8"/>
    </row>
    <row r="410" spans="1:8" x14ac:dyDescent="0.25">
      <c r="A410" s="8"/>
      <c r="B410" s="8"/>
      <c r="C410" s="8"/>
      <c r="D410" s="8"/>
      <c r="E410" s="8"/>
      <c r="F410" s="12"/>
      <c r="G410" s="13"/>
      <c r="H410" s="8"/>
    </row>
    <row r="411" spans="1:8" x14ac:dyDescent="0.25">
      <c r="A411" s="8"/>
      <c r="B411" s="8"/>
      <c r="C411" s="8"/>
      <c r="D411" s="8"/>
      <c r="E411" s="8"/>
      <c r="F411" s="12"/>
      <c r="G411" s="13"/>
      <c r="H411" s="8"/>
    </row>
    <row r="412" spans="1:8" x14ac:dyDescent="0.25">
      <c r="A412" s="8"/>
      <c r="B412" s="8"/>
      <c r="C412" s="8"/>
      <c r="D412" s="8"/>
      <c r="E412" s="8"/>
      <c r="F412" s="12"/>
      <c r="G412" s="13"/>
      <c r="H412" s="8"/>
    </row>
    <row r="413" spans="1:8" x14ac:dyDescent="0.25">
      <c r="A413" s="8"/>
      <c r="B413" s="8"/>
      <c r="C413" s="8"/>
      <c r="D413" s="8"/>
      <c r="E413" s="8"/>
      <c r="F413" s="12"/>
      <c r="G413" s="13"/>
      <c r="H413" s="8"/>
    </row>
    <row r="414" spans="1:8" x14ac:dyDescent="0.25">
      <c r="A414" s="8"/>
      <c r="B414" s="8"/>
      <c r="C414" s="8"/>
      <c r="D414" s="8"/>
      <c r="E414" s="8"/>
      <c r="F414" s="12"/>
      <c r="G414" s="13"/>
      <c r="H414" s="8"/>
    </row>
    <row r="415" spans="1:8" x14ac:dyDescent="0.25">
      <c r="A415" s="8"/>
      <c r="B415" s="8"/>
      <c r="C415" s="8"/>
      <c r="D415" s="8"/>
      <c r="E415" s="8"/>
      <c r="F415" s="12"/>
      <c r="G415" s="13"/>
      <c r="H415" s="8"/>
    </row>
    <row r="416" spans="1:8" x14ac:dyDescent="0.25">
      <c r="A416" s="8"/>
      <c r="B416" s="8"/>
      <c r="C416" s="8"/>
      <c r="D416" s="8"/>
      <c r="E416" s="8"/>
      <c r="F416" s="12"/>
      <c r="G416" s="13"/>
      <c r="H416" s="8"/>
    </row>
    <row r="417" spans="1:8" x14ac:dyDescent="0.25">
      <c r="A417" s="8"/>
      <c r="B417" s="8"/>
      <c r="C417" s="8"/>
      <c r="D417" s="8"/>
      <c r="E417" s="8"/>
      <c r="F417" s="12"/>
      <c r="G417" s="13"/>
      <c r="H417" s="8"/>
    </row>
    <row r="418" spans="1:8" x14ac:dyDescent="0.25">
      <c r="A418" s="8"/>
      <c r="B418" s="8"/>
      <c r="C418" s="8"/>
      <c r="D418" s="8"/>
      <c r="E418" s="8"/>
      <c r="F418" s="12"/>
      <c r="G418" s="13"/>
      <c r="H418" s="8"/>
    </row>
    <row r="419" spans="1:8" x14ac:dyDescent="0.25">
      <c r="A419" s="8"/>
      <c r="B419" s="8"/>
      <c r="C419" s="8"/>
      <c r="D419" s="8"/>
      <c r="E419" s="8"/>
      <c r="F419" s="12"/>
      <c r="G419" s="13"/>
      <c r="H419" s="8"/>
    </row>
    <row r="420" spans="1:8" x14ac:dyDescent="0.25">
      <c r="A420" s="8"/>
      <c r="B420" s="8"/>
      <c r="C420" s="8"/>
      <c r="D420" s="8"/>
      <c r="E420" s="8"/>
      <c r="F420" s="12"/>
      <c r="G420" s="13"/>
      <c r="H420" s="8"/>
    </row>
    <row r="421" spans="1:8" x14ac:dyDescent="0.25">
      <c r="A421" s="8"/>
      <c r="B421" s="8"/>
      <c r="C421" s="8"/>
      <c r="D421" s="8"/>
      <c r="E421" s="8"/>
      <c r="F421" s="12"/>
      <c r="G421" s="13"/>
      <c r="H421" s="8"/>
    </row>
    <row r="422" spans="1:8" x14ac:dyDescent="0.25">
      <c r="A422" s="8"/>
      <c r="B422" s="8"/>
      <c r="C422" s="8"/>
      <c r="D422" s="8"/>
      <c r="E422" s="8"/>
      <c r="F422" s="12"/>
      <c r="G422" s="13"/>
      <c r="H422" s="8"/>
    </row>
    <row r="423" spans="1:8" x14ac:dyDescent="0.25">
      <c r="A423" s="8"/>
      <c r="B423" s="8"/>
      <c r="C423" s="8"/>
      <c r="D423" s="8"/>
      <c r="E423" s="8"/>
      <c r="F423" s="12"/>
      <c r="G423" s="13"/>
      <c r="H423" s="8"/>
    </row>
    <row r="424" spans="1:8" x14ac:dyDescent="0.25">
      <c r="A424" s="8"/>
      <c r="B424" s="8"/>
      <c r="C424" s="8"/>
      <c r="D424" s="8"/>
      <c r="E424" s="8"/>
      <c r="F424" s="12"/>
      <c r="G424" s="13"/>
      <c r="H424" s="8"/>
    </row>
    <row r="425" spans="1:8" x14ac:dyDescent="0.25">
      <c r="A425" s="8"/>
      <c r="B425" s="8"/>
      <c r="C425" s="8"/>
      <c r="D425" s="8"/>
      <c r="E425" s="8"/>
      <c r="F425" s="12"/>
      <c r="G425" s="13"/>
      <c r="H425" s="8"/>
    </row>
    <row r="426" spans="1:8" x14ac:dyDescent="0.25">
      <c r="A426" s="8"/>
      <c r="B426" s="8"/>
      <c r="C426" s="8"/>
      <c r="D426" s="8"/>
      <c r="E426" s="8"/>
      <c r="F426" s="12"/>
      <c r="G426" s="13"/>
      <c r="H426" s="8"/>
    </row>
    <row r="427" spans="1:8" x14ac:dyDescent="0.25">
      <c r="A427" s="8"/>
      <c r="B427" s="8"/>
      <c r="C427" s="8"/>
      <c r="D427" s="8"/>
      <c r="E427" s="8"/>
      <c r="F427" s="12"/>
      <c r="G427" s="13"/>
      <c r="H427" s="8"/>
    </row>
    <row r="428" spans="1:8" x14ac:dyDescent="0.25">
      <c r="A428" s="8"/>
      <c r="B428" s="8"/>
      <c r="C428" s="8"/>
      <c r="D428" s="8"/>
      <c r="E428" s="8"/>
      <c r="F428" s="12"/>
      <c r="G428" s="13"/>
      <c r="H428" s="8"/>
    </row>
    <row r="429" spans="1:8" x14ac:dyDescent="0.25">
      <c r="A429" s="8"/>
      <c r="B429" s="8"/>
      <c r="C429" s="8"/>
      <c r="D429" s="8"/>
      <c r="E429" s="8"/>
      <c r="F429" s="12"/>
      <c r="G429" s="13"/>
      <c r="H429" s="8"/>
    </row>
    <row r="430" spans="1:8" x14ac:dyDescent="0.25">
      <c r="A430" s="8"/>
      <c r="B430" s="8"/>
      <c r="C430" s="8"/>
      <c r="D430" s="8"/>
      <c r="E430" s="8"/>
      <c r="F430" s="12"/>
      <c r="G430" s="13"/>
      <c r="H430" s="8"/>
    </row>
    <row r="431" spans="1:8" x14ac:dyDescent="0.25">
      <c r="A431" s="8"/>
      <c r="B431" s="8"/>
      <c r="C431" s="8"/>
      <c r="D431" s="8"/>
      <c r="E431" s="8"/>
      <c r="F431" s="12"/>
      <c r="G431" s="13"/>
      <c r="H431" s="8"/>
    </row>
    <row r="1232" spans="5:5" x14ac:dyDescent="0.25">
      <c r="E1232" s="4"/>
    </row>
  </sheetData>
  <sortState xmlns:xlrd2="http://schemas.microsoft.com/office/spreadsheetml/2017/richdata2" ref="A2:G372">
    <sortCondition ref="F2:F372"/>
  </sortState>
  <phoneticPr fontId="3"/>
  <conditionalFormatting sqref="E361">
    <cfRule type="expression" priority="10">
      <formula>if</formula>
    </cfRule>
  </conditionalFormatting>
  <pageMargins left="0.7" right="0.7" top="0.75" bottom="0.75" header="0.3" footer="0.3"/>
  <pageSetup paperSize="9" orientation="landscape" r:id="rId1"/>
  <ignoredErrors>
    <ignoredError sqref="G4:G13 G15:G35 G38:G45 G57:G58 G189 G208:G343 G373 G344:G372 G374:G375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理容所</vt:lpstr>
      <vt:lpstr>理容所台帳一覧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上埜　和歌子</cp:lastModifiedBy>
  <cp:lastPrinted>2025-06-02T02:10:57Z</cp:lastPrinted>
  <dcterms:created xsi:type="dcterms:W3CDTF">2020-02-19T00:01:41Z</dcterms:created>
  <dcterms:modified xsi:type="dcterms:W3CDTF">2026-04-30T06:19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01T05:59:12Z</vt:filetime>
  </property>
</Properties>
</file>